
<file path=[Content_Types].xml><?xml version="1.0" encoding="utf-8"?>
<Types xmlns="http://schemas.openxmlformats.org/package/2006/content-types">
  <Default Extension="xml" ContentType="application/xml"/>
  <Default Extension="jpeg" ContentType="image/jpeg"/>
  <Default Extension="jpg" ContentType="image/jpeg"/>
  <Default Extension="emf" ContentType="image/x-emf"/>
  <Default Extension="rels" ContentType="application/vnd.openxmlformats-package.relationships+xml"/>
  <Default Extension="png" ContentType="image/png"/>
  <Default Extension="wmf" ContentType="image/x-wmf"/>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notesSlides/notesSlide1.xml" ContentType="application/vnd.openxmlformats-officedocument.presentationml.notesSlide+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90" r:id="rId2"/>
  </p:sldMasterIdLst>
  <p:notesMasterIdLst>
    <p:notesMasterId r:id="rId15"/>
  </p:notesMasterIdLst>
  <p:handoutMasterIdLst>
    <p:handoutMasterId r:id="rId16"/>
  </p:handoutMasterIdLst>
  <p:sldIdLst>
    <p:sldId id="256" r:id="rId3"/>
    <p:sldId id="258" r:id="rId4"/>
    <p:sldId id="257" r:id="rId5"/>
    <p:sldId id="269" r:id="rId6"/>
    <p:sldId id="262" r:id="rId7"/>
    <p:sldId id="263" r:id="rId8"/>
    <p:sldId id="264" r:id="rId9"/>
    <p:sldId id="270" r:id="rId10"/>
    <p:sldId id="266" r:id="rId11"/>
    <p:sldId id="267" r:id="rId12"/>
    <p:sldId id="268" r:id="rId13"/>
    <p:sldId id="261" r:id="rId14"/>
  </p:sldIdLst>
  <p:sldSz cx="9144000" cy="6858000" type="screen4x3"/>
  <p:notesSz cx="6858000" cy="9144000"/>
  <p:custDataLst>
    <p:tags r:id="rId17"/>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guide id="3" orient="horz" pos="234">
          <p15:clr>
            <a:srgbClr val="A4A3A4"/>
          </p15:clr>
        </p15:guide>
        <p15:guide id="4" orient="horz" pos="4156">
          <p15:clr>
            <a:srgbClr val="A4A3A4"/>
          </p15:clr>
        </p15:guide>
        <p15:guide id="5" orient="horz" pos="3838">
          <p15:clr>
            <a:srgbClr val="A4A3A4"/>
          </p15:clr>
        </p15:guide>
        <p15:guide id="6" orient="horz" pos="2024">
          <p15:clr>
            <a:srgbClr val="A4A3A4"/>
          </p15:clr>
        </p15:guide>
        <p15:guide id="7" orient="horz" pos="935">
          <p15:clr>
            <a:srgbClr val="A4A3A4"/>
          </p15:clr>
        </p15:guide>
        <p15:guide id="8" pos="612">
          <p15:clr>
            <a:srgbClr val="A4A3A4"/>
          </p15:clr>
        </p15:guide>
        <p15:guide id="9" pos="5375">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11"/>
    <p:restoredTop sz="94674"/>
  </p:normalViewPr>
  <p:slideViewPr>
    <p:cSldViewPr>
      <p:cViewPr>
        <p:scale>
          <a:sx n="123" d="100"/>
          <a:sy n="123" d="100"/>
        </p:scale>
        <p:origin x="1864" y="200"/>
      </p:cViewPr>
      <p:guideLst>
        <p:guide orient="horz" pos="2160"/>
        <p:guide pos="2880"/>
        <p:guide orient="horz" pos="234"/>
        <p:guide orient="horz" pos="4156"/>
        <p:guide orient="horz" pos="3838"/>
        <p:guide orient="horz" pos="2024"/>
        <p:guide orient="horz" pos="935"/>
        <p:guide pos="612"/>
        <p:guide pos="5375"/>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9" Type="http://schemas.openxmlformats.org/officeDocument/2006/relationships/slide" Target="slides/slide7.xml"/><Relationship Id="rId20" Type="http://schemas.openxmlformats.org/officeDocument/2006/relationships/theme" Target="theme/theme1.xml"/><Relationship Id="rId21" Type="http://schemas.openxmlformats.org/officeDocument/2006/relationships/tableStyles" Target="tableStyles.xml"/><Relationship Id="rId10" Type="http://schemas.openxmlformats.org/officeDocument/2006/relationships/slide" Target="slides/slide8.xml"/><Relationship Id="rId11" Type="http://schemas.openxmlformats.org/officeDocument/2006/relationships/slide" Target="slides/slide9.xml"/><Relationship Id="rId12" Type="http://schemas.openxmlformats.org/officeDocument/2006/relationships/slide" Target="slides/slide10.xml"/><Relationship Id="rId13" Type="http://schemas.openxmlformats.org/officeDocument/2006/relationships/slide" Target="slides/slide11.xml"/><Relationship Id="rId14" Type="http://schemas.openxmlformats.org/officeDocument/2006/relationships/slide" Target="slides/slide12.xml"/><Relationship Id="rId15" Type="http://schemas.openxmlformats.org/officeDocument/2006/relationships/notesMaster" Target="notesMasters/notesMaster1.xml"/><Relationship Id="rId16" Type="http://schemas.openxmlformats.org/officeDocument/2006/relationships/handoutMaster" Target="handoutMasters/handoutMaster1.xml"/><Relationship Id="rId17" Type="http://schemas.openxmlformats.org/officeDocument/2006/relationships/tags" Target="tags/tag1.xml"/><Relationship Id="rId18" Type="http://schemas.openxmlformats.org/officeDocument/2006/relationships/presProps" Target="presProps.xml"/><Relationship Id="rId19" Type="http://schemas.openxmlformats.org/officeDocument/2006/relationships/viewProps" Target="viewProps.xml"/><Relationship Id="rId1" Type="http://schemas.openxmlformats.org/officeDocument/2006/relationships/customXml" Target="../customXml/item1.xml"/><Relationship Id="rId2" Type="http://schemas.openxmlformats.org/officeDocument/2006/relationships/slideMaster" Target="slideMasters/slideMaster1.xml"/><Relationship Id="rId3" Type="http://schemas.openxmlformats.org/officeDocument/2006/relationships/slide" Target="slides/slide1.xml"/><Relationship Id="rId4" Type="http://schemas.openxmlformats.org/officeDocument/2006/relationships/slide" Target="slides/slide2.xml"/><Relationship Id="rId5" Type="http://schemas.openxmlformats.org/officeDocument/2006/relationships/slide" Target="slides/slide3.xml"/><Relationship Id="rId6" Type="http://schemas.openxmlformats.org/officeDocument/2006/relationships/slide" Target="slides/slide4.xml"/><Relationship Id="rId7" Type="http://schemas.openxmlformats.org/officeDocument/2006/relationships/slide" Target="slides/slide5.xml"/><Relationship Id="rId8" Type="http://schemas.openxmlformats.org/officeDocument/2006/relationships/slide" Target="slides/slide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6448CE7-F071-4276-BE9E-FC0ADCD255DE}" type="datetimeFigureOut">
              <a:rPr lang="de-CH" smtClean="0"/>
              <a:t>20.02.17</a:t>
            </a:fld>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0F8DF-8381-45BD-846F-C0D2A3AB0D3D}" type="slidenum">
              <a:rPr lang="de-CH" smtClean="0"/>
              <a:t>‹#›</a:t>
            </a:fld>
            <a:endParaRPr lang="de-CH" dirty="0"/>
          </a:p>
        </p:txBody>
      </p:sp>
    </p:spTree>
    <p:extLst>
      <p:ext uri="{BB962C8B-B14F-4D97-AF65-F5344CB8AC3E}">
        <p14:creationId xmlns:p14="http://schemas.microsoft.com/office/powerpoint/2010/main" val="185586740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7B6C743-A10E-47C8-BC59-1F4C5357CECD}" type="datetimeFigureOut">
              <a:rPr lang="de-CH" smtClean="0"/>
              <a:t>20.02.17</a:t>
            </a:fld>
            <a:endParaRPr lang="de-CH"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000">
                <a:latin typeface="Arial" pitchFamily="34" charset="0"/>
                <a:cs typeface="Arial" pitchFamily="34" charset="0"/>
              </a:defRPr>
            </a:lvl1pPr>
          </a:lstStyle>
          <a:p>
            <a:fld id="{658E930A-5398-49B6-87A7-9857631F53A7}" type="slidenum">
              <a:rPr lang="de-CH" smtClean="0"/>
              <a:pPr/>
              <a:t>‹#›</a:t>
            </a:fld>
            <a:endParaRPr lang="de-CH" dirty="0"/>
          </a:p>
        </p:txBody>
      </p:sp>
      <p:sp>
        <p:nvSpPr>
          <p:cNvPr id="9" name="Rechteck 8"/>
          <p:cNvSpPr/>
          <p:nvPr/>
        </p:nvSpPr>
        <p:spPr>
          <a:xfrm>
            <a:off x="-20778" y="8855641"/>
            <a:ext cx="3589337" cy="276999"/>
          </a:xfrm>
          <a:prstGeom prst="rect">
            <a:avLst/>
          </a:prstGeom>
        </p:spPr>
        <p:txBody>
          <a:bodyPr wrap="square">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GetMasterPropertyValue</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CustomField</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PPClassificationFooter</a:t>
            </a:r>
            <a:r>
              <a:rPr lang="de-CH" sz="1000" kern="1200" dirty="0" smtClean="0">
                <a:solidFill>
                  <a:schemeClr val="tx1"/>
                </a:solidFill>
                <a:latin typeface="Arial" pitchFamily="34" charset="0"/>
                <a:ea typeface="+mn-ea"/>
                <a:cs typeface="Arial" pitchFamily="34" charset="0"/>
              </a:rPr>
              <a:t>")]]</a:t>
            </a:r>
          </a:p>
          <a:p>
            <a:endParaRPr lang="de-CH" sz="10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11</a:t>
            </a:fld>
            <a:endParaRPr lang="de-CH" dirty="0"/>
          </a:p>
        </p:txBody>
      </p:sp>
    </p:spTree>
    <p:extLst>
      <p:ext uri="{BB962C8B-B14F-4D97-AF65-F5344CB8AC3E}">
        <p14:creationId xmlns:p14="http://schemas.microsoft.com/office/powerpoint/2010/main" val="182194492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4" Type="http://schemas.openxmlformats.org/officeDocument/2006/relationships/tags" Target="../tags/tag9.xml"/><Relationship Id="rId5" Type="http://schemas.openxmlformats.org/officeDocument/2006/relationships/tags" Target="../tags/tag10.xml"/><Relationship Id="rId6" Type="http://schemas.openxmlformats.org/officeDocument/2006/relationships/slideMaster" Target="../slideMasters/slideMaster1.xml"/><Relationship Id="rId7" Type="http://schemas.openxmlformats.org/officeDocument/2006/relationships/image" Target="../media/image1.png"/><Relationship Id="rId1" Type="http://schemas.openxmlformats.org/officeDocument/2006/relationships/tags" Target="../tags/tag6.xml"/><Relationship Id="rId2"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8.xml"/><Relationship Id="rId4" Type="http://schemas.openxmlformats.org/officeDocument/2006/relationships/tags" Target="../tags/tag59.xml"/><Relationship Id="rId5" Type="http://schemas.openxmlformats.org/officeDocument/2006/relationships/tags" Target="../tags/tag60.xml"/><Relationship Id="rId6" Type="http://schemas.openxmlformats.org/officeDocument/2006/relationships/tags" Target="../tags/tag61.xml"/><Relationship Id="rId7" Type="http://schemas.openxmlformats.org/officeDocument/2006/relationships/slideMaster" Target="../slideMasters/slideMaster1.xml"/><Relationship Id="rId8" Type="http://schemas.openxmlformats.org/officeDocument/2006/relationships/image" Target="../media/image7.jpg"/><Relationship Id="rId9" Type="http://schemas.openxmlformats.org/officeDocument/2006/relationships/image" Target="../media/image10.png"/><Relationship Id="rId1" Type="http://schemas.openxmlformats.org/officeDocument/2006/relationships/tags" Target="../tags/tag56.xml"/><Relationship Id="rId2" Type="http://schemas.openxmlformats.org/officeDocument/2006/relationships/tags" Target="../tags/tag57.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4.xml"/><Relationship Id="rId4" Type="http://schemas.openxmlformats.org/officeDocument/2006/relationships/tags" Target="../tags/tag65.xml"/><Relationship Id="rId5" Type="http://schemas.openxmlformats.org/officeDocument/2006/relationships/tags" Target="../tags/tag66.xml"/><Relationship Id="rId6" Type="http://schemas.openxmlformats.org/officeDocument/2006/relationships/tags" Target="../tags/tag67.xml"/><Relationship Id="rId7" Type="http://schemas.openxmlformats.org/officeDocument/2006/relationships/slideMaster" Target="../slideMasters/slideMaster1.xml"/><Relationship Id="rId8" Type="http://schemas.openxmlformats.org/officeDocument/2006/relationships/image" Target="../media/image11.jpg"/><Relationship Id="rId9" Type="http://schemas.openxmlformats.org/officeDocument/2006/relationships/image" Target="../media/image10.png"/><Relationship Id="rId1" Type="http://schemas.openxmlformats.org/officeDocument/2006/relationships/tags" Target="../tags/tag62.xml"/><Relationship Id="rId2"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70.xml"/><Relationship Id="rId4" Type="http://schemas.openxmlformats.org/officeDocument/2006/relationships/tags" Target="../tags/tag71.xml"/><Relationship Id="rId5" Type="http://schemas.openxmlformats.org/officeDocument/2006/relationships/tags" Target="../tags/tag72.xml"/><Relationship Id="rId6" Type="http://schemas.openxmlformats.org/officeDocument/2006/relationships/tags" Target="../tags/tag73.xml"/><Relationship Id="rId7" Type="http://schemas.openxmlformats.org/officeDocument/2006/relationships/slideMaster" Target="../slideMasters/slideMaster1.xml"/><Relationship Id="rId8" Type="http://schemas.openxmlformats.org/officeDocument/2006/relationships/image" Target="../media/image12.jpg"/><Relationship Id="rId9" Type="http://schemas.openxmlformats.org/officeDocument/2006/relationships/image" Target="../media/image10.png"/><Relationship Id="rId1" Type="http://schemas.openxmlformats.org/officeDocument/2006/relationships/tags" Target="../tags/tag68.xml"/><Relationship Id="rId2" Type="http://schemas.openxmlformats.org/officeDocument/2006/relationships/tags" Target="../tags/tag6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6.xml"/><Relationship Id="rId4" Type="http://schemas.openxmlformats.org/officeDocument/2006/relationships/tags" Target="../tags/tag77.xml"/><Relationship Id="rId5" Type="http://schemas.openxmlformats.org/officeDocument/2006/relationships/tags" Target="../tags/tag78.xml"/><Relationship Id="rId6" Type="http://schemas.openxmlformats.org/officeDocument/2006/relationships/tags" Target="../tags/tag79.xml"/><Relationship Id="rId7" Type="http://schemas.openxmlformats.org/officeDocument/2006/relationships/slideMaster" Target="../slideMasters/slideMaster1.xml"/><Relationship Id="rId8" Type="http://schemas.openxmlformats.org/officeDocument/2006/relationships/image" Target="../media/image13.jpg"/><Relationship Id="rId9" Type="http://schemas.openxmlformats.org/officeDocument/2006/relationships/image" Target="../media/image10.png"/><Relationship Id="rId1" Type="http://schemas.openxmlformats.org/officeDocument/2006/relationships/tags" Target="../tags/tag74.xml"/><Relationship Id="rId2" Type="http://schemas.openxmlformats.org/officeDocument/2006/relationships/tags" Target="../tags/tag75.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82.xml"/><Relationship Id="rId4" Type="http://schemas.openxmlformats.org/officeDocument/2006/relationships/tags" Target="../tags/tag83.xml"/><Relationship Id="rId5" Type="http://schemas.openxmlformats.org/officeDocument/2006/relationships/tags" Target="../tags/tag84.xml"/><Relationship Id="rId6" Type="http://schemas.openxmlformats.org/officeDocument/2006/relationships/tags" Target="../tags/tag85.xml"/><Relationship Id="rId7" Type="http://schemas.openxmlformats.org/officeDocument/2006/relationships/slideMaster" Target="../slideMasters/slideMaster1.xml"/><Relationship Id="rId8" Type="http://schemas.openxmlformats.org/officeDocument/2006/relationships/image" Target="../media/image14.jpg"/><Relationship Id="rId9" Type="http://schemas.openxmlformats.org/officeDocument/2006/relationships/image" Target="../media/image10.png"/><Relationship Id="rId1" Type="http://schemas.openxmlformats.org/officeDocument/2006/relationships/tags" Target="../tags/tag80.xml"/><Relationship Id="rId2" Type="http://schemas.openxmlformats.org/officeDocument/2006/relationships/tags" Target="../tags/tag8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8.xml"/><Relationship Id="rId4" Type="http://schemas.openxmlformats.org/officeDocument/2006/relationships/tags" Target="../tags/tag89.xml"/><Relationship Id="rId5" Type="http://schemas.openxmlformats.org/officeDocument/2006/relationships/tags" Target="../tags/tag90.xml"/><Relationship Id="rId6" Type="http://schemas.openxmlformats.org/officeDocument/2006/relationships/tags" Target="../tags/tag91.xml"/><Relationship Id="rId7" Type="http://schemas.openxmlformats.org/officeDocument/2006/relationships/slideMaster" Target="../slideMasters/slideMaster1.xml"/><Relationship Id="rId8" Type="http://schemas.openxmlformats.org/officeDocument/2006/relationships/image" Target="../media/image15.jpg"/><Relationship Id="rId9" Type="http://schemas.openxmlformats.org/officeDocument/2006/relationships/image" Target="../media/image10.png"/><Relationship Id="rId1" Type="http://schemas.openxmlformats.org/officeDocument/2006/relationships/tags" Target="../tags/tag86.xml"/><Relationship Id="rId2" Type="http://schemas.openxmlformats.org/officeDocument/2006/relationships/tags" Target="../tags/tag87.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94.xml"/><Relationship Id="rId4" Type="http://schemas.openxmlformats.org/officeDocument/2006/relationships/tags" Target="../tags/tag95.xml"/><Relationship Id="rId5" Type="http://schemas.openxmlformats.org/officeDocument/2006/relationships/tags" Target="../tags/tag96.xml"/><Relationship Id="rId6" Type="http://schemas.openxmlformats.org/officeDocument/2006/relationships/tags" Target="../tags/tag97.xml"/><Relationship Id="rId7" Type="http://schemas.openxmlformats.org/officeDocument/2006/relationships/slideMaster" Target="../slideMasters/slideMaster1.xml"/><Relationship Id="rId8" Type="http://schemas.openxmlformats.org/officeDocument/2006/relationships/image" Target="../media/image16.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2.xml"/><Relationship Id="rId2" Type="http://schemas.openxmlformats.org/officeDocument/2006/relationships/tags" Target="../tags/tag9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0.xml"/><Relationship Id="rId4" Type="http://schemas.openxmlformats.org/officeDocument/2006/relationships/tags" Target="../tags/tag101.xml"/><Relationship Id="rId5" Type="http://schemas.openxmlformats.org/officeDocument/2006/relationships/tags" Target="../tags/tag102.xml"/><Relationship Id="rId6" Type="http://schemas.openxmlformats.org/officeDocument/2006/relationships/tags" Target="../tags/tag103.xml"/><Relationship Id="rId7" Type="http://schemas.openxmlformats.org/officeDocument/2006/relationships/slideMaster" Target="../slideMasters/slideMaster1.xml"/><Relationship Id="rId8" Type="http://schemas.openxmlformats.org/officeDocument/2006/relationships/image" Target="../media/image18.jpe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8.xml"/><Relationship Id="rId2" Type="http://schemas.openxmlformats.org/officeDocument/2006/relationships/tags" Target="../tags/tag9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06.xml"/><Relationship Id="rId4" Type="http://schemas.openxmlformats.org/officeDocument/2006/relationships/tags" Target="../tags/tag107.xml"/><Relationship Id="rId5" Type="http://schemas.openxmlformats.org/officeDocument/2006/relationships/tags" Target="../tags/tag108.xml"/><Relationship Id="rId6" Type="http://schemas.openxmlformats.org/officeDocument/2006/relationships/tags" Target="../tags/tag109.xml"/><Relationship Id="rId7" Type="http://schemas.openxmlformats.org/officeDocument/2006/relationships/slideMaster" Target="../slideMasters/slideMaster1.xml"/><Relationship Id="rId8" Type="http://schemas.openxmlformats.org/officeDocument/2006/relationships/image" Target="../media/image19.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04.xml"/><Relationship Id="rId2" Type="http://schemas.openxmlformats.org/officeDocument/2006/relationships/tags" Target="../tags/tag105.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2.xml"/><Relationship Id="rId4" Type="http://schemas.openxmlformats.org/officeDocument/2006/relationships/tags" Target="../tags/tag113.xml"/><Relationship Id="rId5" Type="http://schemas.openxmlformats.org/officeDocument/2006/relationships/tags" Target="../tags/tag114.xml"/><Relationship Id="rId6" Type="http://schemas.openxmlformats.org/officeDocument/2006/relationships/tags" Target="../tags/tag115.xml"/><Relationship Id="rId7" Type="http://schemas.openxmlformats.org/officeDocument/2006/relationships/slideMaster" Target="../slideMasters/slideMaster1.xml"/><Relationship Id="rId8" Type="http://schemas.openxmlformats.org/officeDocument/2006/relationships/image" Target="../media/image20.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10.xml"/><Relationship Id="rId2" Type="http://schemas.openxmlformats.org/officeDocument/2006/relationships/tags" Target="../tags/tag11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4" Type="http://schemas.openxmlformats.org/officeDocument/2006/relationships/tags" Target="../tags/tag14.xml"/><Relationship Id="rId5" Type="http://schemas.openxmlformats.org/officeDocument/2006/relationships/tags" Target="../tags/tag15.xml"/><Relationship Id="rId6" Type="http://schemas.openxmlformats.org/officeDocument/2006/relationships/slideMaster" Target="../slideMasters/slideMaster1.xml"/><Relationship Id="rId7" Type="http://schemas.openxmlformats.org/officeDocument/2006/relationships/image" Target="../media/image2.png"/><Relationship Id="rId1" Type="http://schemas.openxmlformats.org/officeDocument/2006/relationships/tags" Target="../tags/tag11.xml"/><Relationship Id="rId2" Type="http://schemas.openxmlformats.org/officeDocument/2006/relationships/tags" Target="../tags/tag12.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18.xml"/><Relationship Id="rId4" Type="http://schemas.openxmlformats.org/officeDocument/2006/relationships/tags" Target="../tags/tag119.xml"/><Relationship Id="rId5" Type="http://schemas.openxmlformats.org/officeDocument/2006/relationships/tags" Target="../tags/tag120.xml"/><Relationship Id="rId6" Type="http://schemas.openxmlformats.org/officeDocument/2006/relationships/tags" Target="../tags/tag121.xml"/><Relationship Id="rId7" Type="http://schemas.openxmlformats.org/officeDocument/2006/relationships/slideMaster" Target="../slideMasters/slideMaster1.xml"/><Relationship Id="rId8" Type="http://schemas.openxmlformats.org/officeDocument/2006/relationships/image" Target="../media/image21.jpg"/><Relationship Id="rId9" Type="http://schemas.openxmlformats.org/officeDocument/2006/relationships/image" Target="../media/image22.png"/><Relationship Id="rId10" Type="http://schemas.openxmlformats.org/officeDocument/2006/relationships/image" Target="../media/image10.png"/><Relationship Id="rId1" Type="http://schemas.openxmlformats.org/officeDocument/2006/relationships/tags" Target="../tags/tag116.xml"/><Relationship Id="rId2" Type="http://schemas.openxmlformats.org/officeDocument/2006/relationships/tags" Target="../tags/tag117.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24.xml"/><Relationship Id="rId4" Type="http://schemas.openxmlformats.org/officeDocument/2006/relationships/tags" Target="../tags/tag125.xml"/><Relationship Id="rId5" Type="http://schemas.openxmlformats.org/officeDocument/2006/relationships/tags" Target="../tags/tag126.xml"/><Relationship Id="rId6" Type="http://schemas.openxmlformats.org/officeDocument/2006/relationships/tags" Target="../tags/tag127.xml"/><Relationship Id="rId7" Type="http://schemas.openxmlformats.org/officeDocument/2006/relationships/slideMaster" Target="../slideMasters/slideMaster1.xml"/><Relationship Id="rId8" Type="http://schemas.openxmlformats.org/officeDocument/2006/relationships/image" Target="../media/image23.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22.xml"/><Relationship Id="rId2" Type="http://schemas.openxmlformats.org/officeDocument/2006/relationships/tags" Target="../tags/tag12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30.xml"/><Relationship Id="rId4" Type="http://schemas.openxmlformats.org/officeDocument/2006/relationships/tags" Target="../tags/tag131.xml"/><Relationship Id="rId5" Type="http://schemas.openxmlformats.org/officeDocument/2006/relationships/tags" Target="../tags/tag132.xml"/><Relationship Id="rId6" Type="http://schemas.openxmlformats.org/officeDocument/2006/relationships/tags" Target="../tags/tag133.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28.xml"/><Relationship Id="rId2" Type="http://schemas.openxmlformats.org/officeDocument/2006/relationships/tags" Target="../tags/tag129.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36.xml"/><Relationship Id="rId4" Type="http://schemas.openxmlformats.org/officeDocument/2006/relationships/tags" Target="../tags/tag137.xml"/><Relationship Id="rId5" Type="http://schemas.openxmlformats.org/officeDocument/2006/relationships/tags" Target="../tags/tag138.xml"/><Relationship Id="rId6" Type="http://schemas.openxmlformats.org/officeDocument/2006/relationships/tags" Target="../tags/tag139.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34.xml"/><Relationship Id="rId2" Type="http://schemas.openxmlformats.org/officeDocument/2006/relationships/tags" Target="../tags/tag135.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42.xml"/><Relationship Id="rId4" Type="http://schemas.openxmlformats.org/officeDocument/2006/relationships/tags" Target="../tags/tag143.xml"/><Relationship Id="rId5" Type="http://schemas.openxmlformats.org/officeDocument/2006/relationships/tags" Target="../tags/tag144.xml"/><Relationship Id="rId6" Type="http://schemas.openxmlformats.org/officeDocument/2006/relationships/tags" Target="../tags/tag145.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0.xml"/><Relationship Id="rId2" Type="http://schemas.openxmlformats.org/officeDocument/2006/relationships/tags" Target="../tags/tag14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48.xml"/><Relationship Id="rId4" Type="http://schemas.openxmlformats.org/officeDocument/2006/relationships/tags" Target="../tags/tag149.xml"/><Relationship Id="rId5" Type="http://schemas.openxmlformats.org/officeDocument/2006/relationships/tags" Target="../tags/tag150.xml"/><Relationship Id="rId6" Type="http://schemas.openxmlformats.org/officeDocument/2006/relationships/tags" Target="../tags/tag151.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6.xml"/><Relationship Id="rId2" Type="http://schemas.openxmlformats.org/officeDocument/2006/relationships/tags" Target="../tags/tag147.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154.xml"/><Relationship Id="rId4" Type="http://schemas.openxmlformats.org/officeDocument/2006/relationships/tags" Target="../tags/tag155.xml"/><Relationship Id="rId5" Type="http://schemas.openxmlformats.org/officeDocument/2006/relationships/tags" Target="../tags/tag156.xml"/><Relationship Id="rId6" Type="http://schemas.openxmlformats.org/officeDocument/2006/relationships/slideMaster" Target="../slideMasters/slideMaster1.xml"/><Relationship Id="rId7" Type="http://schemas.openxmlformats.org/officeDocument/2006/relationships/image" Target="../media/image25.png"/><Relationship Id="rId8" Type="http://schemas.openxmlformats.org/officeDocument/2006/relationships/image" Target="../media/image10.png"/><Relationship Id="rId1" Type="http://schemas.openxmlformats.org/officeDocument/2006/relationships/tags" Target="../tags/tag152.xml"/><Relationship Id="rId2" Type="http://schemas.openxmlformats.org/officeDocument/2006/relationships/tags" Target="../tags/tag153.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159.xml"/><Relationship Id="rId4" Type="http://schemas.openxmlformats.org/officeDocument/2006/relationships/tags" Target="../tags/tag160.xml"/><Relationship Id="rId5" Type="http://schemas.openxmlformats.org/officeDocument/2006/relationships/tags" Target="../tags/tag161.xml"/><Relationship Id="rId6" Type="http://schemas.openxmlformats.org/officeDocument/2006/relationships/slideMaster" Target="../slideMasters/slideMaster1.xml"/><Relationship Id="rId7" Type="http://schemas.openxmlformats.org/officeDocument/2006/relationships/image" Target="../media/image26.png"/><Relationship Id="rId8" Type="http://schemas.openxmlformats.org/officeDocument/2006/relationships/image" Target="../media/image24.png"/><Relationship Id="rId1" Type="http://schemas.openxmlformats.org/officeDocument/2006/relationships/tags" Target="../tags/tag157.xml"/><Relationship Id="rId2" Type="http://schemas.openxmlformats.org/officeDocument/2006/relationships/tags" Target="../tags/tag158.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164.xml"/><Relationship Id="rId4" Type="http://schemas.openxmlformats.org/officeDocument/2006/relationships/tags" Target="../tags/tag165.xml"/><Relationship Id="rId5" Type="http://schemas.openxmlformats.org/officeDocument/2006/relationships/tags" Target="../tags/tag166.xml"/><Relationship Id="rId6" Type="http://schemas.openxmlformats.org/officeDocument/2006/relationships/slideMaster" Target="../slideMasters/slideMaster1.xml"/><Relationship Id="rId7" Type="http://schemas.openxmlformats.org/officeDocument/2006/relationships/image" Target="../media/image27.png"/><Relationship Id="rId8" Type="http://schemas.openxmlformats.org/officeDocument/2006/relationships/image" Target="../media/image24.png"/><Relationship Id="rId1" Type="http://schemas.openxmlformats.org/officeDocument/2006/relationships/tags" Target="../tags/tag162.xml"/><Relationship Id="rId2" Type="http://schemas.openxmlformats.org/officeDocument/2006/relationships/tags" Target="../tags/tag163.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169.xml"/><Relationship Id="rId4" Type="http://schemas.openxmlformats.org/officeDocument/2006/relationships/tags" Target="../tags/tag170.xml"/><Relationship Id="rId5" Type="http://schemas.openxmlformats.org/officeDocument/2006/relationships/tags" Target="../tags/tag171.xml"/><Relationship Id="rId6" Type="http://schemas.openxmlformats.org/officeDocument/2006/relationships/slideMaster" Target="../slideMasters/slideMaster1.xml"/><Relationship Id="rId7" Type="http://schemas.openxmlformats.org/officeDocument/2006/relationships/image" Target="../media/image28.png"/><Relationship Id="rId8" Type="http://schemas.openxmlformats.org/officeDocument/2006/relationships/image" Target="../media/image24.png"/><Relationship Id="rId1" Type="http://schemas.openxmlformats.org/officeDocument/2006/relationships/tags" Target="../tags/tag167.xml"/><Relationship Id="rId2" Type="http://schemas.openxmlformats.org/officeDocument/2006/relationships/tags" Target="../tags/tag168.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8.xml"/><Relationship Id="rId4" Type="http://schemas.openxmlformats.org/officeDocument/2006/relationships/tags" Target="../tags/tag19.xml"/><Relationship Id="rId5" Type="http://schemas.openxmlformats.org/officeDocument/2006/relationships/tags" Target="../tags/tag20.xml"/><Relationship Id="rId6" Type="http://schemas.openxmlformats.org/officeDocument/2006/relationships/tags" Target="../tags/tag21.xml"/><Relationship Id="rId7" Type="http://schemas.openxmlformats.org/officeDocument/2006/relationships/slideMaster" Target="../slideMasters/slideMaster1.xml"/><Relationship Id="rId8" Type="http://schemas.openxmlformats.org/officeDocument/2006/relationships/image" Target="../media/image3.jpg"/><Relationship Id="rId9" Type="http://schemas.openxmlformats.org/officeDocument/2006/relationships/image" Target="../media/image4.png"/><Relationship Id="rId1" Type="http://schemas.openxmlformats.org/officeDocument/2006/relationships/tags" Target="../tags/tag16.xml"/><Relationship Id="rId2"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4.xml"/><Relationship Id="rId4" Type="http://schemas.openxmlformats.org/officeDocument/2006/relationships/tags" Target="../tags/tag25.xml"/><Relationship Id="rId5" Type="http://schemas.openxmlformats.org/officeDocument/2006/relationships/tags" Target="../tags/tag26.xml"/><Relationship Id="rId6" Type="http://schemas.openxmlformats.org/officeDocument/2006/relationships/tags" Target="../tags/tag27.xml"/><Relationship Id="rId7" Type="http://schemas.openxmlformats.org/officeDocument/2006/relationships/slideMaster" Target="../slideMasters/slideMaster1.xml"/><Relationship Id="rId8" Type="http://schemas.openxmlformats.org/officeDocument/2006/relationships/image" Target="../media/image5.jpg"/><Relationship Id="rId9" Type="http://schemas.openxmlformats.org/officeDocument/2006/relationships/image" Target="../media/image4.png"/><Relationship Id="rId1" Type="http://schemas.openxmlformats.org/officeDocument/2006/relationships/tags" Target="../tags/tag22.xml"/><Relationship Id="rId2" Type="http://schemas.openxmlformats.org/officeDocument/2006/relationships/tags" Target="../tags/tag23.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4" Type="http://schemas.openxmlformats.org/officeDocument/2006/relationships/tags" Target="../tags/tag31.xml"/><Relationship Id="rId5" Type="http://schemas.openxmlformats.org/officeDocument/2006/relationships/tags" Target="../tags/tag32.xml"/><Relationship Id="rId6" Type="http://schemas.openxmlformats.org/officeDocument/2006/relationships/tags" Target="../tags/tag33.xml"/><Relationship Id="rId7" Type="http://schemas.openxmlformats.org/officeDocument/2006/relationships/slideMaster" Target="../slideMasters/slideMaster1.xml"/><Relationship Id="rId8" Type="http://schemas.openxmlformats.org/officeDocument/2006/relationships/image" Target="../media/image6.jpg"/><Relationship Id="rId9" Type="http://schemas.openxmlformats.org/officeDocument/2006/relationships/image" Target="../media/image4.png"/><Relationship Id="rId1" Type="http://schemas.openxmlformats.org/officeDocument/2006/relationships/tags" Target="../tags/tag28.xml"/><Relationship Id="rId2" Type="http://schemas.openxmlformats.org/officeDocument/2006/relationships/tags" Target="../tags/tag29.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6.xml"/><Relationship Id="rId4" Type="http://schemas.openxmlformats.org/officeDocument/2006/relationships/tags" Target="../tags/tag37.xml"/><Relationship Id="rId5" Type="http://schemas.openxmlformats.org/officeDocument/2006/relationships/tags" Target="../tags/tag38.xml"/><Relationship Id="rId6" Type="http://schemas.openxmlformats.org/officeDocument/2006/relationships/slideMaster" Target="../slideMasters/slideMaster1.xml"/><Relationship Id="rId7" Type="http://schemas.openxmlformats.org/officeDocument/2006/relationships/image" Target="../media/image7.jpg"/><Relationship Id="rId1" Type="http://schemas.openxmlformats.org/officeDocument/2006/relationships/tags" Target="../tags/tag34.xml"/><Relationship Id="rId2" Type="http://schemas.openxmlformats.org/officeDocument/2006/relationships/tags" Target="../tags/tag35.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1.xml"/><Relationship Id="rId4" Type="http://schemas.openxmlformats.org/officeDocument/2006/relationships/tags" Target="../tags/tag42.xml"/><Relationship Id="rId5" Type="http://schemas.openxmlformats.org/officeDocument/2006/relationships/tags" Target="../tags/tag43.xml"/><Relationship Id="rId6" Type="http://schemas.openxmlformats.org/officeDocument/2006/relationships/tags" Target="../tags/tag44.xml"/><Relationship Id="rId7" Type="http://schemas.openxmlformats.org/officeDocument/2006/relationships/slideMaster" Target="../slideMasters/slideMaster1.xml"/><Relationship Id="rId8" Type="http://schemas.openxmlformats.org/officeDocument/2006/relationships/image" Target="../media/image8.png"/><Relationship Id="rId9" Type="http://schemas.openxmlformats.org/officeDocument/2006/relationships/image" Target="../media/image4.png"/><Relationship Id="rId1" Type="http://schemas.openxmlformats.org/officeDocument/2006/relationships/tags" Target="../tags/tag39.xml"/><Relationship Id="rId2" Type="http://schemas.openxmlformats.org/officeDocument/2006/relationships/tags" Target="../tags/tag40.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7.xml"/><Relationship Id="rId4" Type="http://schemas.openxmlformats.org/officeDocument/2006/relationships/tags" Target="../tags/tag48.xml"/><Relationship Id="rId5" Type="http://schemas.openxmlformats.org/officeDocument/2006/relationships/tags" Target="../tags/tag49.xml"/><Relationship Id="rId6" Type="http://schemas.openxmlformats.org/officeDocument/2006/relationships/slideMaster" Target="../slideMasters/slideMaster1.xml"/><Relationship Id="rId7" Type="http://schemas.openxmlformats.org/officeDocument/2006/relationships/image" Target="../media/image9.jpg"/><Relationship Id="rId1" Type="http://schemas.openxmlformats.org/officeDocument/2006/relationships/tags" Target="../tags/tag45.xml"/><Relationship Id="rId2"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2.xml"/><Relationship Id="rId4" Type="http://schemas.openxmlformats.org/officeDocument/2006/relationships/tags" Target="../tags/tag53.xml"/><Relationship Id="rId5" Type="http://schemas.openxmlformats.org/officeDocument/2006/relationships/tags" Target="../tags/tag54.xml"/><Relationship Id="rId6" Type="http://schemas.openxmlformats.org/officeDocument/2006/relationships/tags" Target="../tags/tag55.xml"/><Relationship Id="rId7" Type="http://schemas.openxmlformats.org/officeDocument/2006/relationships/slideMaster" Target="../slideMasters/slideMaster1.xml"/><Relationship Id="rId8" Type="http://schemas.openxmlformats.org/officeDocument/2006/relationships/image" Target="../media/image10.png"/><Relationship Id="rId1" Type="http://schemas.openxmlformats.org/officeDocument/2006/relationships/tags" Target="../tags/tag50.xml"/><Relationship Id="rId2"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1800" baseline="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CH" dirty="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4" name="Textfeld 3"/>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p>
        </p:txBody>
      </p:sp>
    </p:spTree>
    <p:extLst>
      <p:ext uri="{BB962C8B-B14F-4D97-AF65-F5344CB8AC3E}">
        <p14:creationId xmlns:p14="http://schemas.microsoft.com/office/powerpoint/2010/main" val="2563825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8" name="Grafik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Inhaltsplatzhalter 2"/>
          <p:cNvSpPr>
            <a:spLocks noGrp="1"/>
          </p:cNvSpPr>
          <p:nvPr>
            <p:ph idx="1" hasCustomPrompt="1"/>
            <p:custDataLst>
              <p:tags r:id="rId2"/>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sp>
        <p:nvSpPr>
          <p:cNvPr id="9" name="Textfeld 8"/>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59166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4" name="Grafik 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pic>
        <p:nvPicPr>
          <p:cNvPr id="11"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7940243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0.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a:noFill/>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387046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4751" y="2349"/>
            <a:ext cx="9194669" cy="6885339"/>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651146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0616" y="1390"/>
            <a:ext cx="9329194" cy="6855220"/>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0.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1931990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5" name="Grafik 4"/>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657380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536" y="0"/>
            <a:ext cx="9140927" cy="226695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0.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64375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6" name="Picture 2" descr="C:\Users\LIB\Desktop\Bilder_komprimiert_4_zu_3\2_Rubrik_Layou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0" y="0"/>
            <a:ext cx="9144000" cy="2266950"/>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0.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1725006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864" y="-25585"/>
            <a:ext cx="9180000" cy="2291952"/>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0.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3282349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018" y="0"/>
            <a:ext cx="9140351" cy="2265297"/>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0.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6"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7"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4210669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11500"/>
            <a:ext cx="9143999" cy="6869500"/>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1" name="Textfeld 10"/>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9" name="Textfeld 8"/>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26822685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10" name="Picture 4"/>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259" y="0"/>
            <a:ext cx="9141477" cy="2580647"/>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228" y="1571623"/>
            <a:ext cx="9143999" cy="5286375"/>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863382" y="3068950"/>
            <a:ext cx="7560000" cy="3006448"/>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pic>
        <p:nvPicPr>
          <p:cNvPr id="13"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159518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6"/>
            <a:ext cx="9144000" cy="2267712"/>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bg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0.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1566995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1_Inhalt_Farbe">
    <p:bg>
      <p:bgPr>
        <a:solidFill>
          <a:schemeClr val="tx2"/>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503347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2_Inhalt_Farbe">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81295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3_Inhalt_Farbe">
    <p:bg>
      <p:bgPr>
        <a:solidFill>
          <a:schemeClr val="accent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008734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4_Inhalt_Farbe">
    <p:bg>
      <p:bgPr>
        <a:solidFill>
          <a:schemeClr val="accent5"/>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538509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Inhalt_Pace_Zitat">
    <p:bg>
      <p:bgPr>
        <a:solidFill>
          <a:schemeClr val="bg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1" y="219076"/>
            <a:ext cx="9143999" cy="6638924"/>
          </a:xfrm>
          <a:prstGeom prst="rect">
            <a:avLst/>
          </a:prstGeom>
        </p:spPr>
      </p:pic>
      <p:sp>
        <p:nvSpPr>
          <p:cNvPr id="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0.02.17</a:t>
            </a:fld>
            <a:endParaRPr lang="de-CH" dirty="0"/>
          </a:p>
        </p:txBody>
      </p:sp>
      <p:pic>
        <p:nvPicPr>
          <p:cNvPr id="9"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6" name="Textfeld 15"/>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33122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_Inhalt_Pace_Zitat">
    <p:bg>
      <p:bgPr>
        <a:solidFill>
          <a:schemeClr val="tx2"/>
        </a:solidFill>
        <a:effectLst/>
      </p:bgPr>
    </p:bg>
    <p:spTree>
      <p:nvGrpSpPr>
        <p:cNvPr id="1" name=""/>
        <p:cNvGrpSpPr/>
        <p:nvPr/>
      </p:nvGrpSpPr>
      <p:grpSpPr>
        <a:xfrm>
          <a:off x="0" y="0"/>
          <a:ext cx="0" cy="0"/>
          <a:chOff x="0" y="0"/>
          <a:chExt cx="0" cy="0"/>
        </a:xfrm>
      </p:grpSpPr>
      <p:pic>
        <p:nvPicPr>
          <p:cNvPr id="2" name="Grafik 1"/>
          <p:cNvPicPr>
            <a:picLocks noChangeAspect="1"/>
          </p:cNvPicPr>
          <p:nvPr/>
        </p:nvPicPr>
        <p:blipFill>
          <a:blip r:embed="rId7">
            <a:lum bright="70000" contrast="-70000"/>
            <a:extLst>
              <a:ext uri="{28A0092B-C50C-407E-A947-70E740481C1C}">
                <a14:useLocalDpi xmlns:a14="http://schemas.microsoft.com/office/drawing/2010/main" val="0"/>
              </a:ext>
            </a:extLst>
          </a:blip>
          <a:stretch>
            <a:fillRect/>
          </a:stretch>
        </p:blipFill>
        <p:spPr>
          <a:xfrm>
            <a:off x="24149" y="-2946"/>
            <a:ext cx="9144000" cy="6857999"/>
          </a:xfrm>
          <a:prstGeom prst="rect">
            <a:avLst/>
          </a:prstGeom>
        </p:spPr>
      </p:pic>
      <p:sp>
        <p:nvSpPr>
          <p:cNvPr id="16"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821281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3_Inhalt_Pace_Zitat">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0" y="219076"/>
            <a:ext cx="9143998" cy="6638924"/>
          </a:xfrm>
          <a:prstGeom prst="rect">
            <a:avLst/>
          </a:prstGeom>
        </p:spPr>
      </p:pic>
      <p:sp>
        <p:nvSpPr>
          <p:cNvPr id="1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531358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4_Inhalt_Pace_Zitat">
    <p:bg>
      <p:bgPr>
        <a:solidFill>
          <a:schemeClr val="accent3"/>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 y="1"/>
            <a:ext cx="9144000" cy="6858000"/>
          </a:xfrm>
          <a:prstGeom prst="rect">
            <a:avLst/>
          </a:prstGeom>
        </p:spPr>
      </p:pic>
      <p:sp>
        <p:nvSpPr>
          <p:cNvPr id="15" name="Textplatzhalter 4"/>
          <p:cNvSpPr>
            <a:spLocks noGrp="1"/>
          </p:cNvSpPr>
          <p:nvPr>
            <p:ph type="body" sz="quarter" idx="13" hasCustomPrompt="1"/>
            <p:custDataLst>
              <p:tags r:id="rId1"/>
            </p:custDataLst>
          </p:nvPr>
        </p:nvSpPr>
        <p:spPr>
          <a:xfrm>
            <a:off x="872862" y="1701073"/>
            <a:ext cx="7659688" cy="1079837"/>
          </a:xfrm>
        </p:spPr>
        <p:txBody>
          <a:bodyPr>
            <a:normAutofit/>
          </a:bodyPr>
          <a:lstStyle>
            <a:lvl1pPr marL="0" indent="0">
              <a:buNone/>
              <a:defRPr sz="1800" baseline="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de-DE" dirty="0" smtClean="0"/>
              <a:t>“Insert </a:t>
            </a:r>
            <a:r>
              <a:rPr lang="de-DE" dirty="0" err="1" smtClean="0"/>
              <a:t>here</a:t>
            </a:r>
            <a:r>
              <a:rPr lang="de-DE" dirty="0" smtClean="0"/>
              <a:t>, </a:t>
            </a:r>
            <a:r>
              <a:rPr lang="de-DE" dirty="0" err="1" smtClean="0"/>
              <a:t>for</a:t>
            </a:r>
            <a:r>
              <a:rPr lang="de-DE" dirty="0" smtClean="0"/>
              <a:t> </a:t>
            </a:r>
            <a:r>
              <a:rPr lang="de-DE" dirty="0" err="1" smtClean="0"/>
              <a:t>example</a:t>
            </a:r>
            <a:r>
              <a:rPr lang="de-DE" dirty="0" smtClean="0"/>
              <a:t>, a </a:t>
            </a:r>
            <a:r>
              <a:rPr lang="de-DE" dirty="0" err="1" smtClean="0"/>
              <a:t>quote</a:t>
            </a:r>
            <a:r>
              <a:rPr lang="de-DE" dirty="0" smtClean="0"/>
              <a:t>”</a:t>
            </a:r>
            <a:endParaRPr lang="de-CH" dirty="0"/>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0.02.17</a:t>
            </a:fld>
            <a:endParaRPr lang="de-CH" dirty="0"/>
          </a:p>
        </p:txBody>
      </p:sp>
      <p:sp>
        <p:nvSpPr>
          <p:cNvPr id="9" name="Textfeld 8"/>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226152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2579845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20729" y="0"/>
            <a:ext cx="9204574" cy="6876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103082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36512" y="378"/>
            <a:ext cx="9217024" cy="6937151"/>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478030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9" name="Grafik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8" name="Textfeld 7"/>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10" name="Textfeld 9"/>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4028621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508088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7" name="Picture 2"/>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1320" y="0"/>
            <a:ext cx="9341098" cy="688548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8" name="Textfeld 7"/>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875178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pic>
        <p:nvPicPr>
          <p:cNvPr id="8"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3" name="Inhaltsplatzhalter 2"/>
          <p:cNvSpPr>
            <a:spLocks noGrp="1"/>
          </p:cNvSpPr>
          <p:nvPr>
            <p:ph idx="1" hasCustomPrompt="1"/>
            <p:custDataLst>
              <p:tags r:id="rId2"/>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0.02.17</a:t>
            </a:fld>
            <a:endParaRPr lang="de-CH" dirty="0"/>
          </a:p>
        </p:txBody>
      </p:sp>
      <p:sp>
        <p:nvSpPr>
          <p:cNvPr id="23"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7" name="Textfeld 6"/>
          <p:cNvSpPr txBox="1"/>
          <p:nvPr>
            <p:custDataLst>
              <p:tags r:id="rId5"/>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4" name="Textfeld 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09039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slideLayout" Target="../slideLayouts/slideLayout22.xml"/><Relationship Id="rId23" Type="http://schemas.openxmlformats.org/officeDocument/2006/relationships/slideLayout" Target="../slideLayouts/slideLayout23.xml"/><Relationship Id="rId24" Type="http://schemas.openxmlformats.org/officeDocument/2006/relationships/slideLayout" Target="../slideLayouts/slideLayout24.xml"/><Relationship Id="rId25" Type="http://schemas.openxmlformats.org/officeDocument/2006/relationships/slideLayout" Target="../slideLayouts/slideLayout25.xml"/><Relationship Id="rId26" Type="http://schemas.openxmlformats.org/officeDocument/2006/relationships/slideLayout" Target="../slideLayouts/slideLayout26.xml"/><Relationship Id="rId27" Type="http://schemas.openxmlformats.org/officeDocument/2006/relationships/slideLayout" Target="../slideLayouts/slideLayout27.xml"/><Relationship Id="rId28" Type="http://schemas.openxmlformats.org/officeDocument/2006/relationships/slideLayout" Target="../slideLayouts/slideLayout28.xml"/><Relationship Id="rId29" Type="http://schemas.openxmlformats.org/officeDocument/2006/relationships/slideLayout" Target="../slideLayouts/slideLayout2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30" Type="http://schemas.openxmlformats.org/officeDocument/2006/relationships/theme" Target="../theme/theme1.xml"/><Relationship Id="rId31" Type="http://schemas.openxmlformats.org/officeDocument/2006/relationships/customXml" Target="../../customXml/item1.xml"/><Relationship Id="rId32" Type="http://schemas.openxmlformats.org/officeDocument/2006/relationships/tags" Target="../tags/tag2.xml"/><Relationship Id="rId9" Type="http://schemas.openxmlformats.org/officeDocument/2006/relationships/slideLayout" Target="../slideLayouts/slideLayout9.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33" Type="http://schemas.openxmlformats.org/officeDocument/2006/relationships/tags" Target="../tags/tag3.xml"/><Relationship Id="rId34" Type="http://schemas.openxmlformats.org/officeDocument/2006/relationships/tags" Target="../tags/tag4.xml"/><Relationship Id="rId35" Type="http://schemas.openxmlformats.org/officeDocument/2006/relationships/tags" Target="../tags/tag5.xml"/><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2"/>
            </p:custDataLst>
          </p:nvPr>
        </p:nvSpPr>
        <p:spPr>
          <a:xfrm>
            <a:off x="457200" y="274638"/>
            <a:ext cx="8229600" cy="1143000"/>
          </a:xfrm>
          <a:prstGeom prst="rect">
            <a:avLst/>
          </a:prstGeom>
        </p:spPr>
        <p:txBody>
          <a:bodyPr vert="horz" lIns="91440" tIns="45720" rIns="91440" bIns="45720" rtlCol="0" anchor="ctr">
            <a:normAutofit/>
          </a:body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Textplatzhalter 2"/>
          <p:cNvSpPr>
            <a:spLocks noGrp="1"/>
          </p:cNvSpPr>
          <p:nvPr>
            <p:ph type="body" idx="1"/>
            <p:custDataLst>
              <p:tags r:id="rId33"/>
            </p:custDataLst>
          </p:nvPr>
        </p:nvSpPr>
        <p:spPr>
          <a:xfrm>
            <a:off x="457200" y="1600200"/>
            <a:ext cx="8229600" cy="4525963"/>
          </a:xfrm>
          <a:prstGeom prst="rect">
            <a:avLst/>
          </a:prstGeom>
        </p:spPr>
        <p:txBody>
          <a:bodyPr vert="horz" lIns="91440" tIns="45720" rIns="91440" bIns="45720" rtlCol="0">
            <a:normAutofit/>
          </a:body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4" name="Datumsplatzhalter 3"/>
          <p:cNvSpPr>
            <a:spLocks noGrp="1"/>
          </p:cNvSpPr>
          <p:nvPr>
            <p:ph type="dt" sz="half" idx="2"/>
            <p:custDataLst>
              <p:tags r:id="rId34"/>
            </p:custDataLst>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DA8AD82-44AD-4D66-AD7B-1F36F7CE3655}" type="datetime1">
              <a:rPr lang="de-CH" smtClean="0"/>
              <a:t>20.02.17</a:t>
            </a:fld>
            <a:endParaRPr lang="de-CH" dirty="0"/>
          </a:p>
        </p:txBody>
      </p:sp>
      <p:sp>
        <p:nvSpPr>
          <p:cNvPr id="6" name="Foliennummernplatzhalter 5"/>
          <p:cNvSpPr>
            <a:spLocks noGrp="1"/>
          </p:cNvSpPr>
          <p:nvPr>
            <p:ph type="sldNum" sz="quarter" idx="4"/>
            <p:custDataLst>
              <p:tags r:id="rId35"/>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032481-47EB-4636-94E1-F5CD93B34200}" type="slidenum">
              <a:rPr lang="de-CH" smtClean="0"/>
              <a:t>‹#›</a:t>
            </a:fld>
            <a:endParaRPr lang="de-CH" dirty="0"/>
          </a:p>
        </p:txBody>
      </p:sp>
    </p:spTree>
    <p:custDataLst>
      <p:custData r:id="rId31"/>
    </p:custDataLst>
    <p:extLst>
      <p:ext uri="{BB962C8B-B14F-4D97-AF65-F5344CB8AC3E}">
        <p14:creationId xmlns:p14="http://schemas.microsoft.com/office/powerpoint/2010/main" val="3230146374"/>
      </p:ext>
    </p:extLst>
  </p:cSld>
  <p:clrMap bg1="lt1" tx1="dk1" bg2="lt2" tx2="dk2" accent1="accent1" accent2="accent2" accent3="accent3" accent4="accent4" accent5="accent5" accent6="accent6" hlink="hlink" folHlink="folHlink"/>
  <p:sldLayoutIdLst>
    <p:sldLayoutId id="2147484691" r:id="rId1"/>
    <p:sldLayoutId id="2147484692" r:id="rId2"/>
    <p:sldLayoutId id="2147484693" r:id="rId3"/>
    <p:sldLayoutId id="2147484694" r:id="rId4"/>
    <p:sldLayoutId id="2147484695" r:id="rId5"/>
    <p:sldLayoutId id="2147484696" r:id="rId6"/>
    <p:sldLayoutId id="2147484697" r:id="rId7"/>
    <p:sldLayoutId id="2147484698" r:id="rId8"/>
    <p:sldLayoutId id="2147484699" r:id="rId9"/>
    <p:sldLayoutId id="2147484700" r:id="rId10"/>
    <p:sldLayoutId id="2147484701" r:id="rId11"/>
    <p:sldLayoutId id="2147484702" r:id="rId12"/>
    <p:sldLayoutId id="2147484703" r:id="rId13"/>
    <p:sldLayoutId id="2147484704" r:id="rId14"/>
    <p:sldLayoutId id="2147484705" r:id="rId15"/>
    <p:sldLayoutId id="2147484706" r:id="rId16"/>
    <p:sldLayoutId id="2147484707" r:id="rId17"/>
    <p:sldLayoutId id="2147484708" r:id="rId18"/>
    <p:sldLayoutId id="2147484709" r:id="rId19"/>
    <p:sldLayoutId id="2147484710" r:id="rId20"/>
    <p:sldLayoutId id="2147484711" r:id="rId21"/>
    <p:sldLayoutId id="2147484712" r:id="rId22"/>
    <p:sldLayoutId id="2147484713" r:id="rId23"/>
    <p:sldLayoutId id="2147484714" r:id="rId24"/>
    <p:sldLayoutId id="2147484715" r:id="rId25"/>
    <p:sldLayoutId id="2147484716" r:id="rId26"/>
    <p:sldLayoutId id="2147484717" r:id="rId27"/>
    <p:sldLayoutId id="2147484718" r:id="rId28"/>
    <p:sldLayoutId id="2147484719" r:id="rId2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4400" rtl="0" eaLnBrk="1" latinLnBrk="0" hangingPunct="1">
        <a:spcBef>
          <a:spcPct val="0"/>
        </a:spcBef>
        <a:buNone/>
        <a:defRPr sz="4400" kern="1200" baseline="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74.xml"/><Relationship Id="rId4" Type="http://schemas.openxmlformats.org/officeDocument/2006/relationships/slideLayout" Target="../slideLayouts/slideLayout7.xml"/><Relationship Id="rId1" Type="http://schemas.openxmlformats.org/officeDocument/2006/relationships/tags" Target="../tags/tag172.xml"/><Relationship Id="rId2" Type="http://schemas.openxmlformats.org/officeDocument/2006/relationships/tags" Target="../tags/tag17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1.xml"/></Relationships>
</file>

<file path=ppt/slides/_rels/slide12.xml.rels><?xml version="1.0" encoding="UTF-8" standalone="yes"?>
<Relationships xmlns="http://schemas.openxmlformats.org/package/2006/relationships"><Relationship Id="rId3" Type="http://schemas.openxmlformats.org/officeDocument/2006/relationships/tags" Target="../tags/tag187.xml"/><Relationship Id="rId4" Type="http://schemas.openxmlformats.org/officeDocument/2006/relationships/tags" Target="../tags/tag188.xml"/><Relationship Id="rId5" Type="http://schemas.openxmlformats.org/officeDocument/2006/relationships/slideLayout" Target="../slideLayouts/slideLayout9.xml"/><Relationship Id="rId1" Type="http://schemas.openxmlformats.org/officeDocument/2006/relationships/tags" Target="../tags/tag185.xml"/><Relationship Id="rId2" Type="http://schemas.openxmlformats.org/officeDocument/2006/relationships/tags" Target="../tags/tag186.xml"/></Relationships>
</file>

<file path=ppt/slides/_rels/slide2.xml.rels><?xml version="1.0" encoding="UTF-8" standalone="yes"?>
<Relationships xmlns="http://schemas.openxmlformats.org/package/2006/relationships"><Relationship Id="rId3" Type="http://schemas.openxmlformats.org/officeDocument/2006/relationships/tags" Target="../tags/tag177.xml"/><Relationship Id="rId4" Type="http://schemas.openxmlformats.org/officeDocument/2006/relationships/tags" Target="../tags/tag178.xml"/><Relationship Id="rId5" Type="http://schemas.openxmlformats.org/officeDocument/2006/relationships/slideLayout" Target="../slideLayouts/slideLayout16.xml"/><Relationship Id="rId1" Type="http://schemas.openxmlformats.org/officeDocument/2006/relationships/tags" Target="../tags/tag175.xml"/><Relationship Id="rId2" Type="http://schemas.openxmlformats.org/officeDocument/2006/relationships/tags" Target="../tags/tag176.xml"/></Relationships>
</file>

<file path=ppt/slides/_rels/slide3.xml.rels><?xml version="1.0" encoding="UTF-8" standalone="yes"?>
<Relationships xmlns="http://schemas.openxmlformats.org/package/2006/relationships"><Relationship Id="rId9" Type="http://schemas.openxmlformats.org/officeDocument/2006/relationships/image" Target="../media/image33.png"/><Relationship Id="rId20" Type="http://schemas.openxmlformats.org/officeDocument/2006/relationships/image" Target="../media/image44.png"/><Relationship Id="rId21" Type="http://schemas.openxmlformats.org/officeDocument/2006/relationships/image" Target="../media/image45.png"/><Relationship Id="rId22" Type="http://schemas.openxmlformats.org/officeDocument/2006/relationships/image" Target="../media/image46.png"/><Relationship Id="rId23" Type="http://schemas.openxmlformats.org/officeDocument/2006/relationships/image" Target="../media/image47.png"/><Relationship Id="rId24" Type="http://schemas.openxmlformats.org/officeDocument/2006/relationships/image" Target="../media/image48.png"/><Relationship Id="rId25" Type="http://schemas.openxmlformats.org/officeDocument/2006/relationships/image" Target="../media/image49.jpeg"/><Relationship Id="rId26" Type="http://schemas.openxmlformats.org/officeDocument/2006/relationships/image" Target="../media/image50.jpeg"/><Relationship Id="rId10" Type="http://schemas.openxmlformats.org/officeDocument/2006/relationships/image" Target="../media/image34.png"/><Relationship Id="rId11" Type="http://schemas.openxmlformats.org/officeDocument/2006/relationships/image" Target="../media/image35.png"/><Relationship Id="rId12" Type="http://schemas.openxmlformats.org/officeDocument/2006/relationships/image" Target="../media/image36.png"/><Relationship Id="rId13" Type="http://schemas.openxmlformats.org/officeDocument/2006/relationships/image" Target="../media/image37.png"/><Relationship Id="rId14" Type="http://schemas.openxmlformats.org/officeDocument/2006/relationships/image" Target="../media/image38.png"/><Relationship Id="rId15" Type="http://schemas.openxmlformats.org/officeDocument/2006/relationships/image" Target="../media/image39.jpeg"/><Relationship Id="rId16" Type="http://schemas.openxmlformats.org/officeDocument/2006/relationships/image" Target="../media/image40.png"/><Relationship Id="rId17" Type="http://schemas.openxmlformats.org/officeDocument/2006/relationships/image" Target="../media/image41.png"/><Relationship Id="rId18" Type="http://schemas.openxmlformats.org/officeDocument/2006/relationships/image" Target="../media/image42.png"/><Relationship Id="rId19" Type="http://schemas.openxmlformats.org/officeDocument/2006/relationships/image" Target="../media/image43.png"/><Relationship Id="rId1" Type="http://schemas.openxmlformats.org/officeDocument/2006/relationships/tags" Target="../tags/tag179.xml"/><Relationship Id="rId2" Type="http://schemas.openxmlformats.org/officeDocument/2006/relationships/tags" Target="../tags/tag180.xml"/><Relationship Id="rId3" Type="http://schemas.openxmlformats.org/officeDocument/2006/relationships/tags" Target="../tags/tag181.xml"/><Relationship Id="rId4" Type="http://schemas.openxmlformats.org/officeDocument/2006/relationships/slideLayout" Target="../slideLayouts/slideLayout9.xml"/><Relationship Id="rId5" Type="http://schemas.openxmlformats.org/officeDocument/2006/relationships/image" Target="../media/image29.jpeg"/><Relationship Id="rId6" Type="http://schemas.openxmlformats.org/officeDocument/2006/relationships/image" Target="../media/image30.png"/><Relationship Id="rId7" Type="http://schemas.openxmlformats.org/officeDocument/2006/relationships/image" Target="../media/image31.jpeg"/><Relationship Id="rId8" Type="http://schemas.openxmlformats.org/officeDocument/2006/relationships/image" Target="../media/image32.png"/></Relationships>
</file>

<file path=ppt/slides/_rels/slide4.xml.rels><?xml version="1.0" encoding="UTF-8" standalone="yes"?>
<Relationships xmlns="http://schemas.openxmlformats.org/package/2006/relationships"><Relationship Id="rId11" Type="http://schemas.openxmlformats.org/officeDocument/2006/relationships/image" Target="../media/image57.png"/><Relationship Id="rId12" Type="http://schemas.openxmlformats.org/officeDocument/2006/relationships/image" Target="../media/image58.wmf"/><Relationship Id="rId13" Type="http://schemas.openxmlformats.org/officeDocument/2006/relationships/image" Target="../media/image59.wmf"/><Relationship Id="rId14" Type="http://schemas.openxmlformats.org/officeDocument/2006/relationships/image" Target="../media/image60.wmf"/><Relationship Id="rId15" Type="http://schemas.openxmlformats.org/officeDocument/2006/relationships/image" Target="../media/image61.png"/><Relationship Id="rId1" Type="http://schemas.openxmlformats.org/officeDocument/2006/relationships/tags" Target="../tags/tag182.xml"/><Relationship Id="rId2" Type="http://schemas.openxmlformats.org/officeDocument/2006/relationships/tags" Target="../tags/tag183.xml"/><Relationship Id="rId3" Type="http://schemas.openxmlformats.org/officeDocument/2006/relationships/tags" Target="../tags/tag184.xml"/><Relationship Id="rId4" Type="http://schemas.openxmlformats.org/officeDocument/2006/relationships/slideLayout" Target="../slideLayouts/slideLayout9.xml"/><Relationship Id="rId5" Type="http://schemas.openxmlformats.org/officeDocument/2006/relationships/image" Target="../media/image51.png"/><Relationship Id="rId6" Type="http://schemas.openxmlformats.org/officeDocument/2006/relationships/image" Target="../media/image52.emf"/><Relationship Id="rId7" Type="http://schemas.openxmlformats.org/officeDocument/2006/relationships/image" Target="../media/image53.emf"/><Relationship Id="rId8" Type="http://schemas.openxmlformats.org/officeDocument/2006/relationships/image" Target="../media/image54.png"/><Relationship Id="rId9" Type="http://schemas.openxmlformats.org/officeDocument/2006/relationships/image" Target="../media/image55.png"/><Relationship Id="rId10" Type="http://schemas.openxmlformats.org/officeDocument/2006/relationships/image" Target="../media/image56.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2.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p:txBody>
          <a:bodyPr>
            <a:normAutofit fontScale="90000"/>
          </a:bodyPr>
          <a:lstStyle/>
          <a:p>
            <a:r>
              <a:rPr lang="de-CH" dirty="0" smtClean="0"/>
              <a:t>Software Architektur für </a:t>
            </a:r>
            <a:r>
              <a:rPr lang="de-CH" dirty="0" err="1" smtClean="0"/>
              <a:t>Continuous</a:t>
            </a:r>
            <a:r>
              <a:rPr lang="de-CH" dirty="0" smtClean="0"/>
              <a:t> </a:t>
            </a:r>
            <a:r>
              <a:rPr lang="de-CH" dirty="0" err="1" smtClean="0"/>
              <a:t>Deployment</a:t>
            </a:r>
            <a:r>
              <a:rPr lang="de-CH" dirty="0" smtClean="0"/>
              <a:t> </a:t>
            </a:r>
            <a:endParaRPr lang="de-CH" dirty="0"/>
          </a:p>
        </p:txBody>
      </p:sp>
      <p:sp>
        <p:nvSpPr>
          <p:cNvPr id="3" name="Untertitel 2"/>
          <p:cNvSpPr>
            <a:spLocks noGrp="1"/>
          </p:cNvSpPr>
          <p:nvPr>
            <p:ph type="subTitle" idx="1"/>
            <p:custDataLst>
              <p:tags r:id="rId2"/>
            </p:custDataLst>
          </p:nvPr>
        </p:nvSpPr>
        <p:spPr/>
        <p:txBody>
          <a:bodyPr/>
          <a:lstStyle/>
          <a:p>
            <a:r>
              <a:rPr lang="de-CH" dirty="0" err="1" smtClean="0"/>
              <a:t>Merchant</a:t>
            </a:r>
            <a:r>
              <a:rPr lang="de-CH" dirty="0" smtClean="0"/>
              <a:t> </a:t>
            </a:r>
            <a:r>
              <a:rPr lang="de-CH" dirty="0" err="1" smtClean="0"/>
              <a:t>Onboarding</a:t>
            </a:r>
          </a:p>
          <a:p>
            <a:r>
              <a:rPr lang="de-CH" sz="1600" dirty="0" smtClean="0"/>
              <a:t>Masterthesis</a:t>
            </a:r>
            <a:endParaRPr lang="de-CH" sz="1600" dirty="0"/>
          </a:p>
        </p:txBody>
      </p:sp>
      <p:sp>
        <p:nvSpPr>
          <p:cNvPr id="4" name="Textplatzhalter 3"/>
          <p:cNvSpPr>
            <a:spLocks noGrp="1"/>
          </p:cNvSpPr>
          <p:nvPr>
            <p:ph type="body" sz="quarter" idx="10"/>
            <p:custDataLst>
              <p:tags r:id="rId3"/>
            </p:custDataLst>
          </p:nvPr>
        </p:nvSpPr>
        <p:spPr/>
        <p:txBody>
          <a:bodyPr/>
          <a:lstStyle/>
          <a:p>
            <a:r>
              <a:rPr lang="de-CH" dirty="0" smtClean="0"/>
              <a:t>Andreas Heubeck</a:t>
            </a:r>
            <a:endParaRPr lang="de-CH" dirty="0"/>
          </a:p>
        </p:txBody>
      </p:sp>
    </p:spTree>
    <p:extLst>
      <p:ext uri="{BB962C8B-B14F-4D97-AF65-F5344CB8AC3E}">
        <p14:creationId xmlns:p14="http://schemas.microsoft.com/office/powerpoint/2010/main" val="3227329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7. Tools und Technologien</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0.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0</a:t>
            </a:fld>
            <a:endParaRPr lang="de-CH" dirty="0"/>
          </a:p>
        </p:txBody>
      </p:sp>
      <p:graphicFrame>
        <p:nvGraphicFramePr>
          <p:cNvPr id="6" name="Table 5"/>
          <p:cNvGraphicFramePr>
            <a:graphicFrameLocks noGrp="1"/>
          </p:cNvGraphicFramePr>
          <p:nvPr>
            <p:extLst>
              <p:ext uri="{D42A27DB-BD31-4B8C-83A1-F6EECF244321}">
                <p14:modId xmlns:p14="http://schemas.microsoft.com/office/powerpoint/2010/main" val="175034955"/>
              </p:ext>
            </p:extLst>
          </p:nvPr>
        </p:nvGraphicFramePr>
        <p:xfrm>
          <a:off x="972000" y="1268760"/>
          <a:ext cx="7560000" cy="4968240"/>
        </p:xfrm>
        <a:graphic>
          <a:graphicData uri="http://schemas.openxmlformats.org/drawingml/2006/table">
            <a:tbl>
              <a:tblPr firstRow="1" bandRow="1">
                <a:tableStyleId>{5C22544A-7EE6-4342-B048-85BDC9FD1C3A}</a:tableStyleId>
              </a:tblPr>
              <a:tblGrid>
                <a:gridCol w="2231848"/>
                <a:gridCol w="5328152"/>
              </a:tblGrid>
              <a:tr h="370840">
                <a:tc>
                  <a:txBody>
                    <a:bodyPr/>
                    <a:lstStyle/>
                    <a:p>
                      <a:r>
                        <a:rPr lang="de-DE" dirty="0" smtClean="0"/>
                        <a:t>Technologie /</a:t>
                      </a:r>
                      <a:r>
                        <a:rPr lang="de-DE" baseline="0" dirty="0" smtClean="0"/>
                        <a:t> Tool</a:t>
                      </a:r>
                      <a:endParaRPr lang="de-DE" dirty="0"/>
                    </a:p>
                  </a:txBody>
                  <a:tcPr/>
                </a:tc>
                <a:tc>
                  <a:txBody>
                    <a:bodyPr/>
                    <a:lstStyle/>
                    <a:p>
                      <a:r>
                        <a:rPr lang="de-DE" dirty="0" smtClean="0"/>
                        <a:t>Einsatzzweck</a:t>
                      </a:r>
                      <a:endParaRPr lang="de-DE" dirty="0"/>
                    </a:p>
                  </a:txBody>
                  <a:tcPr/>
                </a:tc>
              </a:tr>
              <a:tr h="370840">
                <a:tc>
                  <a:txBody>
                    <a:bodyPr/>
                    <a:lstStyle/>
                    <a:p>
                      <a:r>
                        <a:rPr lang="de-CH" sz="1200" kern="1200" dirty="0" smtClean="0">
                          <a:solidFill>
                            <a:schemeClr val="dk1"/>
                          </a:solidFill>
                          <a:effectLst/>
                          <a:latin typeface="+mn-lt"/>
                          <a:ea typeface="+mn-ea"/>
                          <a:cs typeface="+mn-cs"/>
                        </a:rPr>
                        <a:t>Java 8</a:t>
                      </a:r>
                      <a:endParaRPr lang="de-DE" sz="1200" dirty="0"/>
                    </a:p>
                  </a:txBody>
                  <a:tcPr/>
                </a:tc>
                <a:tc>
                  <a:txBody>
                    <a:bodyPr/>
                    <a:lstStyle/>
                    <a:p>
                      <a:r>
                        <a:rPr lang="de-CH" sz="1200" kern="1200" dirty="0" smtClean="0">
                          <a:solidFill>
                            <a:schemeClr val="dk1"/>
                          </a:solidFill>
                          <a:effectLst/>
                          <a:latin typeface="+mn-lt"/>
                          <a:ea typeface="+mn-ea"/>
                          <a:cs typeface="+mn-cs"/>
                        </a:rPr>
                        <a:t>Die Serverapplikation ist damit implementiert und wird deshalb wieder verwendet.</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JavaScript</a:t>
                      </a:r>
                      <a:endParaRPr lang="de-DE" sz="1200" dirty="0"/>
                    </a:p>
                  </a:txBody>
                  <a:tcPr/>
                </a:tc>
                <a:tc>
                  <a:txBody>
                    <a:bodyPr/>
                    <a:lstStyle/>
                    <a:p>
                      <a:r>
                        <a:rPr lang="de-CH" sz="1200" kern="1200" dirty="0" smtClean="0">
                          <a:solidFill>
                            <a:schemeClr val="dk1"/>
                          </a:solidFill>
                          <a:effectLst/>
                          <a:latin typeface="+mn-lt"/>
                          <a:ea typeface="+mn-ea"/>
                          <a:cs typeface="+mn-cs"/>
                        </a:rPr>
                        <a:t>Der Webapplikation ist damit implementiert und wird deshalb wieder verwendet.</a:t>
                      </a:r>
                      <a:r>
                        <a:rPr lang="en-US" sz="1200" dirty="0" smtClean="0">
                          <a:effectLst/>
                        </a:rPr>
                        <a:t> </a:t>
                      </a:r>
                      <a:endParaRPr lang="de-DE" sz="1200" dirty="0"/>
                    </a:p>
                  </a:txBody>
                  <a:tcPr/>
                </a:tc>
              </a:tr>
              <a:tr h="370840">
                <a:tc>
                  <a:txBody>
                    <a:bodyPr/>
                    <a:lstStyle/>
                    <a:p>
                      <a:r>
                        <a:rPr lang="de-CH" sz="1200" kern="1200" dirty="0" err="1" smtClean="0">
                          <a:solidFill>
                            <a:schemeClr val="dk1"/>
                          </a:solidFill>
                          <a:effectLst/>
                          <a:latin typeface="+mn-lt"/>
                          <a:ea typeface="+mn-ea"/>
                          <a:cs typeface="+mn-cs"/>
                        </a:rPr>
                        <a:t>Intellij</a:t>
                      </a:r>
                      <a:r>
                        <a:rPr lang="de-CH" sz="1200" kern="1200" dirty="0" smtClean="0">
                          <a:solidFill>
                            <a:schemeClr val="dk1"/>
                          </a:solidFill>
                          <a:effectLst/>
                          <a:latin typeface="+mn-lt"/>
                          <a:ea typeface="+mn-ea"/>
                          <a:cs typeface="+mn-cs"/>
                        </a:rPr>
                        <a:t> / </a:t>
                      </a:r>
                      <a:r>
                        <a:rPr lang="de-CH" sz="1200" kern="1200" dirty="0" err="1" smtClean="0">
                          <a:solidFill>
                            <a:schemeClr val="dk1"/>
                          </a:solidFill>
                          <a:effectLst/>
                          <a:latin typeface="+mn-lt"/>
                          <a:ea typeface="+mn-ea"/>
                          <a:cs typeface="+mn-cs"/>
                        </a:rPr>
                        <a:t>Eclipse</a:t>
                      </a:r>
                      <a:endParaRPr lang="de-DE" sz="1200" dirty="0"/>
                    </a:p>
                  </a:txBody>
                  <a:tcPr/>
                </a:tc>
                <a:tc>
                  <a:txBody>
                    <a:bodyPr/>
                    <a:lstStyle/>
                    <a:p>
                      <a:r>
                        <a:rPr lang="de-CH" sz="1200" kern="1200" dirty="0" smtClean="0">
                          <a:solidFill>
                            <a:schemeClr val="dk1"/>
                          </a:solidFill>
                          <a:effectLst/>
                          <a:latin typeface="+mn-lt"/>
                          <a:ea typeface="+mn-ea"/>
                          <a:cs typeface="+mn-cs"/>
                        </a:rPr>
                        <a:t>Entwicklungsumgebung für das Erstellen der Prototypen.</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Spring Framework</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Dient als Basisframework für die Applikation.</a:t>
                      </a:r>
                      <a:r>
                        <a:rPr lang="en-US" sz="1200" dirty="0" smtClean="0">
                          <a:effectLst/>
                        </a:rPr>
                        <a:t> </a:t>
                      </a:r>
                      <a:endParaRPr lang="de-DE" sz="1200" dirty="0"/>
                    </a:p>
                  </a:txBody>
                  <a:tcPr/>
                </a:tc>
              </a:tr>
              <a:tr h="370840">
                <a:tc>
                  <a:txBody>
                    <a:bodyPr/>
                    <a:lstStyle/>
                    <a:p>
                      <a:r>
                        <a:rPr lang="de-CH" sz="1200" kern="1200" dirty="0" err="1" smtClean="0">
                          <a:solidFill>
                            <a:schemeClr val="dk1"/>
                          </a:solidFill>
                          <a:effectLst/>
                          <a:latin typeface="+mn-lt"/>
                          <a:ea typeface="+mn-ea"/>
                          <a:cs typeface="+mn-cs"/>
                        </a:rPr>
                        <a:t>AngularJS</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Webframework für die Webapplikation.</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Docker</a:t>
                      </a:r>
                      <a:r>
                        <a:rPr lang="en-US" sz="1200" dirty="0" smtClean="0">
                          <a:effectLst/>
                        </a:rPr>
                        <a:t> </a:t>
                      </a:r>
                      <a:endParaRPr lang="de-DE" sz="1200" dirty="0"/>
                    </a:p>
                  </a:txBody>
                  <a:tcPr/>
                </a:tc>
                <a:tc>
                  <a:txBody>
                    <a:bodyPr/>
                    <a:lstStyle/>
                    <a:p>
                      <a:r>
                        <a:rPr lang="de-CH" sz="1200" kern="1200" dirty="0" err="1" smtClean="0">
                          <a:solidFill>
                            <a:schemeClr val="dk1"/>
                          </a:solidFill>
                          <a:effectLst/>
                          <a:latin typeface="+mn-lt"/>
                          <a:ea typeface="+mn-ea"/>
                          <a:cs typeface="+mn-cs"/>
                        </a:rPr>
                        <a:t>Deployment</a:t>
                      </a:r>
                      <a:r>
                        <a:rPr lang="de-CH" sz="1200" kern="1200" dirty="0" smtClean="0">
                          <a:solidFill>
                            <a:schemeClr val="dk1"/>
                          </a:solidFill>
                          <a:effectLst/>
                          <a:latin typeface="+mn-lt"/>
                          <a:ea typeface="+mn-ea"/>
                          <a:cs typeface="+mn-cs"/>
                        </a:rPr>
                        <a:t> der einzelnen Teile der Applikation als Container.</a:t>
                      </a:r>
                      <a:r>
                        <a:rPr lang="en-US" sz="1200" dirty="0" smtClean="0">
                          <a:effectLst/>
                        </a:rPr>
                        <a:t> </a:t>
                      </a:r>
                      <a:endParaRPr lang="de-DE" sz="1200" dirty="0"/>
                    </a:p>
                  </a:txBody>
                  <a:tcPr/>
                </a:tc>
              </a:tr>
              <a:tr h="370840">
                <a:tc>
                  <a:txBody>
                    <a:bodyPr/>
                    <a:lstStyle/>
                    <a:p>
                      <a:r>
                        <a:rPr lang="de-CH" sz="1200" kern="1200" dirty="0" err="1" smtClean="0">
                          <a:solidFill>
                            <a:schemeClr val="dk1"/>
                          </a:solidFill>
                          <a:effectLst/>
                          <a:latin typeface="+mn-lt"/>
                          <a:ea typeface="+mn-ea"/>
                          <a:cs typeface="+mn-cs"/>
                        </a:rPr>
                        <a:t>JBoss</a:t>
                      </a:r>
                      <a:r>
                        <a:rPr lang="de-CH" sz="1200" kern="1200" dirty="0" smtClean="0">
                          <a:solidFill>
                            <a:schemeClr val="dk1"/>
                          </a:solidFill>
                          <a:effectLst/>
                          <a:latin typeface="+mn-lt"/>
                          <a:ea typeface="+mn-ea"/>
                          <a:cs typeface="+mn-cs"/>
                        </a:rPr>
                        <a:t> </a:t>
                      </a:r>
                      <a:r>
                        <a:rPr lang="de-CH" sz="1200" kern="1200" dirty="0" err="1" smtClean="0">
                          <a:solidFill>
                            <a:schemeClr val="dk1"/>
                          </a:solidFill>
                          <a:effectLst/>
                          <a:latin typeface="+mn-lt"/>
                          <a:ea typeface="+mn-ea"/>
                          <a:cs typeface="+mn-cs"/>
                        </a:rPr>
                        <a:t>Wildfly</a:t>
                      </a:r>
                      <a:r>
                        <a:rPr lang="de-CH" sz="1200" kern="1200" dirty="0" smtClean="0">
                          <a:solidFill>
                            <a:schemeClr val="dk1"/>
                          </a:solidFill>
                          <a:effectLst/>
                          <a:latin typeface="+mn-lt"/>
                          <a:ea typeface="+mn-ea"/>
                          <a:cs typeface="+mn-cs"/>
                        </a:rPr>
                        <a:t> 10</a:t>
                      </a:r>
                      <a:r>
                        <a:rPr lang="en-US" sz="1200" dirty="0" smtClean="0">
                          <a:effectLst/>
                        </a:rPr>
                        <a:t> </a:t>
                      </a:r>
                      <a:endParaRPr lang="de-DE" sz="1200" dirty="0"/>
                    </a:p>
                  </a:txBody>
                  <a:tcPr/>
                </a:tc>
                <a:tc>
                  <a:txBody>
                    <a:bodyPr/>
                    <a:lstStyle/>
                    <a:p>
                      <a:r>
                        <a:rPr lang="de-CH" sz="1200" kern="1200" dirty="0" err="1" smtClean="0">
                          <a:solidFill>
                            <a:schemeClr val="dk1"/>
                          </a:solidFill>
                          <a:effectLst/>
                          <a:latin typeface="+mn-lt"/>
                          <a:ea typeface="+mn-ea"/>
                          <a:cs typeface="+mn-cs"/>
                        </a:rPr>
                        <a:t>Applikations</a:t>
                      </a:r>
                      <a:r>
                        <a:rPr lang="de-CH" sz="1200" kern="1200" dirty="0" smtClean="0">
                          <a:solidFill>
                            <a:schemeClr val="dk1"/>
                          </a:solidFill>
                          <a:effectLst/>
                          <a:latin typeface="+mn-lt"/>
                          <a:ea typeface="+mn-ea"/>
                          <a:cs typeface="+mn-cs"/>
                        </a:rPr>
                        <a:t> Server welcher die Laufzeitumgebung für die Applikation bereitstellt.</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Apache Webserver</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HTTP Server für den statischen Inhalt.</a:t>
                      </a:r>
                      <a:r>
                        <a:rPr lang="en-US" sz="1200" dirty="0" smtClean="0">
                          <a:effectLst/>
                        </a:rPr>
                        <a:t> </a:t>
                      </a:r>
                      <a:endParaRPr lang="de-DE" sz="1200" dirty="0"/>
                    </a:p>
                  </a:txBody>
                  <a:tcPr/>
                </a:tc>
              </a:tr>
              <a:tr h="370840">
                <a:tc>
                  <a:txBody>
                    <a:bodyPr/>
                    <a:lstStyle/>
                    <a:p>
                      <a:r>
                        <a:rPr lang="de-CH" sz="1200" kern="1200" dirty="0" err="1" smtClean="0">
                          <a:solidFill>
                            <a:schemeClr val="dk1"/>
                          </a:solidFill>
                          <a:effectLst/>
                          <a:latin typeface="+mn-lt"/>
                          <a:ea typeface="+mn-ea"/>
                          <a:cs typeface="+mn-cs"/>
                        </a:rPr>
                        <a:t>Camunda</a:t>
                      </a:r>
                      <a:r>
                        <a:rPr lang="de-CH" sz="1200" kern="1200" dirty="0" smtClean="0">
                          <a:solidFill>
                            <a:schemeClr val="dk1"/>
                          </a:solidFill>
                          <a:effectLst/>
                          <a:latin typeface="+mn-lt"/>
                          <a:ea typeface="+mn-ea"/>
                          <a:cs typeface="+mn-cs"/>
                        </a:rPr>
                        <a:t> BPM</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Workflow-Management-System welches die Prozesse für die Anmeldung eines neuen Händlers steuert.</a:t>
                      </a:r>
                      <a:r>
                        <a:rPr lang="en-US" sz="1200" dirty="0" smtClean="0">
                          <a:effectLst/>
                        </a:rPr>
                        <a:t> </a:t>
                      </a:r>
                      <a:endParaRPr lang="de-DE" sz="1200" dirty="0"/>
                    </a:p>
                  </a:txBody>
                  <a:tcPr/>
                </a:tc>
              </a:tr>
              <a:tr h="370840">
                <a:tc>
                  <a:txBody>
                    <a:bodyPr/>
                    <a:lstStyle/>
                    <a:p>
                      <a:r>
                        <a:rPr lang="en-US" sz="1200" kern="1200" dirty="0" smtClean="0">
                          <a:solidFill>
                            <a:schemeClr val="dk1"/>
                          </a:solidFill>
                          <a:effectLst/>
                          <a:latin typeface="+mn-lt"/>
                          <a:ea typeface="+mn-ea"/>
                          <a:cs typeface="+mn-cs"/>
                        </a:rPr>
                        <a:t>RDBMS (Oracle, MySQL), NoSQL(MongoDB)</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Speichern der Daten.</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SIX </a:t>
                      </a:r>
                      <a:r>
                        <a:rPr lang="de-CH" sz="1200" kern="1200" dirty="0" err="1" smtClean="0">
                          <a:solidFill>
                            <a:schemeClr val="dk1"/>
                          </a:solidFill>
                          <a:effectLst/>
                          <a:latin typeface="+mn-lt"/>
                          <a:ea typeface="+mn-ea"/>
                          <a:cs typeface="+mn-cs"/>
                        </a:rPr>
                        <a:t>Entwicklungs</a:t>
                      </a:r>
                      <a:r>
                        <a:rPr lang="de-CH" sz="1200" kern="1200" dirty="0" smtClean="0">
                          <a:solidFill>
                            <a:schemeClr val="dk1"/>
                          </a:solidFill>
                          <a:effectLst/>
                          <a:latin typeface="+mn-lt"/>
                          <a:ea typeface="+mn-ea"/>
                          <a:cs typeface="+mn-cs"/>
                        </a:rPr>
                        <a:t> Umgebung </a:t>
                      </a:r>
                      <a:endParaRPr lang="de-DE" sz="1200" dirty="0"/>
                    </a:p>
                  </a:txBody>
                  <a:tcPr/>
                </a:tc>
                <a:tc>
                  <a:txBody>
                    <a:bodyPr/>
                    <a:lstStyle/>
                    <a:p>
                      <a:r>
                        <a:rPr lang="de-CH" sz="1200" kern="1200" dirty="0" smtClean="0">
                          <a:solidFill>
                            <a:schemeClr val="dk1"/>
                          </a:solidFill>
                          <a:effectLst/>
                          <a:latin typeface="+mn-lt"/>
                          <a:ea typeface="+mn-ea"/>
                          <a:cs typeface="+mn-cs"/>
                        </a:rPr>
                        <a:t>Verfolgen der Aufgaben, Ablage des </a:t>
                      </a:r>
                      <a:r>
                        <a:rPr lang="de-CH" sz="1200" kern="1200" dirty="0" err="1" smtClean="0">
                          <a:solidFill>
                            <a:schemeClr val="dk1"/>
                          </a:solidFill>
                          <a:effectLst/>
                          <a:latin typeface="+mn-lt"/>
                          <a:ea typeface="+mn-ea"/>
                          <a:cs typeface="+mn-cs"/>
                        </a:rPr>
                        <a:t>Sourcecodes</a:t>
                      </a:r>
                      <a:r>
                        <a:rPr lang="de-CH" sz="1200" kern="1200" dirty="0" smtClean="0">
                          <a:solidFill>
                            <a:schemeClr val="dk1"/>
                          </a:solidFill>
                          <a:effectLst/>
                          <a:latin typeface="+mn-lt"/>
                          <a:ea typeface="+mn-ea"/>
                          <a:cs typeface="+mn-cs"/>
                        </a:rPr>
                        <a:t>, Code Reviews, </a:t>
                      </a:r>
                      <a:r>
                        <a:rPr lang="de-CH" sz="1200" kern="1200" dirty="0" err="1" smtClean="0">
                          <a:solidFill>
                            <a:schemeClr val="dk1"/>
                          </a:solidFill>
                          <a:effectLst/>
                          <a:latin typeface="+mn-lt"/>
                          <a:ea typeface="+mn-ea"/>
                          <a:cs typeface="+mn-cs"/>
                        </a:rPr>
                        <a:t>Buildserver</a:t>
                      </a:r>
                      <a:r>
                        <a:rPr lang="de-CH" sz="1200" kern="1200" dirty="0" smtClean="0">
                          <a:solidFill>
                            <a:schemeClr val="dk1"/>
                          </a:solidFill>
                          <a:effectLst/>
                          <a:latin typeface="+mn-lt"/>
                          <a:ea typeface="+mn-ea"/>
                          <a:cs typeface="+mn-cs"/>
                        </a:rPr>
                        <a:t>.</a:t>
                      </a:r>
                      <a:r>
                        <a:rPr lang="en-US" sz="1200" dirty="0" smtClean="0">
                          <a:effectLst/>
                        </a:rPr>
                        <a:t> </a:t>
                      </a:r>
                      <a:endParaRPr lang="de-DE" sz="1200" dirty="0"/>
                    </a:p>
                  </a:txBody>
                  <a:tcPr/>
                </a:tc>
              </a:tr>
            </a:tbl>
          </a:graphicData>
        </a:graphic>
      </p:graphicFrame>
    </p:spTree>
    <p:extLst>
      <p:ext uri="{BB962C8B-B14F-4D97-AF65-F5344CB8AC3E}">
        <p14:creationId xmlns:p14="http://schemas.microsoft.com/office/powerpoint/2010/main" val="598827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8. </a:t>
            </a:r>
            <a:r>
              <a:rPr lang="de-DE" dirty="0" smtClean="0"/>
              <a:t>Erkenntnisse</a:t>
            </a:r>
            <a:endParaRPr lang="de-DE" dirty="0"/>
          </a:p>
        </p:txBody>
      </p:sp>
      <p:sp>
        <p:nvSpPr>
          <p:cNvPr id="3" name="Content Placeholder 2"/>
          <p:cNvSpPr>
            <a:spLocks noGrp="1"/>
          </p:cNvSpPr>
          <p:nvPr>
            <p:ph idx="1"/>
          </p:nvPr>
        </p:nvSpPr>
        <p:spPr/>
        <p:txBody>
          <a:bodyPr/>
          <a:lstStyle/>
          <a:p>
            <a:r>
              <a:rPr lang="de-DE" dirty="0" err="1" smtClean="0"/>
              <a:t>Scrum</a:t>
            </a:r>
            <a:r>
              <a:rPr lang="de-DE" dirty="0" smtClean="0"/>
              <a:t> eignet sich nicht für eine Einzelarbeit. </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0.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1</a:t>
            </a:fld>
            <a:endParaRPr lang="de-CH" dirty="0"/>
          </a:p>
        </p:txBody>
      </p:sp>
    </p:spTree>
    <p:extLst>
      <p:ext uri="{BB962C8B-B14F-4D97-AF65-F5344CB8AC3E}">
        <p14:creationId xmlns:p14="http://schemas.microsoft.com/office/powerpoint/2010/main" val="748107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Disclaimer</a:t>
            </a:r>
            <a:endParaRPr lang="de-CH" dirty="0"/>
          </a:p>
        </p:txBody>
      </p:sp>
      <p:sp>
        <p:nvSpPr>
          <p:cNvPr id="6" name="Inhaltsplatzhalter 2"/>
          <p:cNvSpPr>
            <a:spLocks noGrp="1"/>
          </p:cNvSpPr>
          <p:nvPr>
            <p:ph idx="1"/>
            <p:custDataLst>
              <p:tags r:id="rId2"/>
            </p:custDataLst>
          </p:nvPr>
        </p:nvSpPr>
        <p:spPr/>
        <p:txBody>
          <a:bodyPr>
            <a:normAutofit/>
          </a:bodyPr>
          <a:lstStyle/>
          <a:p>
            <a:pPr marL="0" indent="0">
              <a:buNone/>
            </a:pPr>
            <a:r>
              <a:rPr lang="de-CH" sz="1000" dirty="0" smtClean="0"/>
              <a:t>Diese Unterlagen wurden von SIX Group AG, ihren Tochter-, Schwestergesellschaften und/oder ihren Niederlassungen (zusammen «SIX») für den ausschliesslichen Gebrauch durch diejenigen Personen, welchen SIX sie zustellt, ausgearbeitet. Diese Unterlagen und ihr Inhalt stellen keine verbindliche Vereinbarung, Empfehlung, Anlageempfehlung, Angebot, Einladung oder Offerte zum Kauf oder Verkauf von Finanzinformationen, Produkten, Solutions oder Dienstleistungen dar. Sie dienen einzig Informationszwecken und können ohne Ankündigung jederzeit geändert werden.   SIX hat keine Verpflichtung, diese Unterlagen zu aktualisieren, abzuändern oder den Inhalt auf dem aktuellsten Stand zu halten. SIX gibt keine Erklärungen, Gewährleistungen, Garantien oder Zusicherungen – weder ausdrücklich noch implizit – in Bezug auf die Richtigkeit, Vollständigkeit, Angemessenheit, Eignung oder Verlässlichkeit des Inhalts dieser Unterlagen ab und wird auch keine solchen abgeben.   SIX und ihre Verwaltungsräte, Führungskräfte, Mitarbeiter, Vertreter und Beauftragte schliessen jegliche Haftung für Verluste, Schaden oder Beeinträchtigungen, welche aus oder im Zusammenhang mit diesen Unterlagen entstehen, aus. Diese Unterlagen sind Eigentum von SIX und dürfen ohne die vorgängige, ausdrückliche sowie schriftliche Zustimmung von SIX in keiner Weise gedruckt, kopiert, reproduziert, veröffentlicht, weitergegeben, offengelegt oder verbreitet werden.  </a:t>
            </a:r>
          </a:p>
          <a:p>
            <a:pPr marL="0" indent="0">
              <a:buNone/>
            </a:pPr>
            <a:r>
              <a:rPr lang="de-CH" sz="1000" dirty="0" smtClean="0"/>
              <a:t/>
            </a:r>
            <a:br>
              <a:rPr lang="de-CH" sz="1000" dirty="0" smtClean="0"/>
            </a:br>
            <a:r>
              <a:rPr lang="de-CH" sz="1000" dirty="0" smtClean="0"/>
              <a:t>© 2016 SIX Group AG. Alle Rechte vorbehalten.</a:t>
            </a:r>
            <a:endParaRPr lang="de-CH" sz="1000" dirty="0"/>
          </a:p>
        </p:txBody>
      </p:sp>
      <p:sp>
        <p:nvSpPr>
          <p:cNvPr id="4" name="Datumsplatzhalter 3"/>
          <p:cNvSpPr>
            <a:spLocks noGrp="1"/>
          </p:cNvSpPr>
          <p:nvPr>
            <p:ph type="dt" sz="half" idx="10"/>
            <p:custDataLst>
              <p:tags r:id="rId3"/>
            </p:custDataLst>
          </p:nvPr>
        </p:nvSpPr>
        <p:spPr/>
        <p:txBody>
          <a:bodyPr/>
          <a:lstStyle/>
          <a:p>
            <a:fld id="{23AC8AE8-E79F-446A-959A-9D0E36B505B7}" type="datetime1">
              <a:rPr lang="de-CH" smtClean="0"/>
              <a:pPr/>
              <a:t>20.02.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12</a:t>
            </a:fld>
            <a:endParaRPr lang="de-CH" dirty="0"/>
          </a:p>
        </p:txBody>
      </p:sp>
    </p:spTree>
    <p:extLst>
      <p:ext uri="{BB962C8B-B14F-4D97-AF65-F5344CB8AC3E}">
        <p14:creationId xmlns:p14="http://schemas.microsoft.com/office/powerpoint/2010/main" val="138493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endParaRPr lang="de-CH" dirty="0"/>
          </a:p>
        </p:txBody>
      </p:sp>
      <p:sp>
        <p:nvSpPr>
          <p:cNvPr id="9" name="Inhaltsplatzhalter 8"/>
          <p:cNvSpPr>
            <a:spLocks noGrp="1"/>
          </p:cNvSpPr>
          <p:nvPr>
            <p:ph idx="1"/>
            <p:custDataLst>
              <p:tags r:id="rId2"/>
            </p:custDataLst>
          </p:nvPr>
        </p:nvSpPr>
        <p:spPr/>
        <p:txBody>
          <a:bodyPr/>
          <a:lstStyle/>
          <a:p>
            <a:r>
              <a:rPr lang="de-CH" dirty="0" smtClean="0"/>
              <a:t>1. Ausgangslage / Umfeld</a:t>
            </a:r>
          </a:p>
          <a:p>
            <a:r>
              <a:rPr lang="de-CH" dirty="0" smtClean="0"/>
              <a:t>2. Problemstellung</a:t>
            </a:r>
          </a:p>
          <a:p>
            <a:r>
              <a:rPr lang="de-CH" dirty="0"/>
              <a:t>3</a:t>
            </a:r>
            <a:r>
              <a:rPr lang="de-CH" dirty="0" smtClean="0"/>
              <a:t>. Lösungsansatz / Vorgehensmethodik</a:t>
            </a:r>
          </a:p>
          <a:p>
            <a:r>
              <a:rPr lang="de-CH" dirty="0"/>
              <a:t>4</a:t>
            </a:r>
            <a:r>
              <a:rPr lang="de-CH" dirty="0" smtClean="0"/>
              <a:t>. Aufwandschätzung / Lieferobjekte</a:t>
            </a:r>
          </a:p>
          <a:p>
            <a:r>
              <a:rPr lang="de-CH" dirty="0"/>
              <a:t>5</a:t>
            </a:r>
            <a:r>
              <a:rPr lang="de-CH" dirty="0" smtClean="0"/>
              <a:t>. Risiken und Massnahmen</a:t>
            </a:r>
          </a:p>
          <a:p>
            <a:r>
              <a:rPr lang="de-CH" dirty="0"/>
              <a:t>6</a:t>
            </a:r>
            <a:r>
              <a:rPr lang="de-CH" dirty="0" smtClean="0"/>
              <a:t>. Fachliche Methoden</a:t>
            </a:r>
          </a:p>
          <a:p>
            <a:r>
              <a:rPr lang="de-CH" dirty="0"/>
              <a:t>7</a:t>
            </a:r>
            <a:r>
              <a:rPr lang="de-CH" dirty="0" smtClean="0"/>
              <a:t>. Tools und Technologien</a:t>
            </a:r>
          </a:p>
          <a:p>
            <a:r>
              <a:rPr lang="de-CH" dirty="0"/>
              <a:t>8</a:t>
            </a:r>
            <a:r>
              <a:rPr lang="de-CH" dirty="0" smtClean="0"/>
              <a:t>. Reflexion</a:t>
            </a:r>
          </a:p>
          <a:p>
            <a:endParaRPr lang="de-CH" dirty="0"/>
          </a:p>
        </p:txBody>
      </p:sp>
      <p:sp>
        <p:nvSpPr>
          <p:cNvPr id="4" name="Datumsplatzhalter 3"/>
          <p:cNvSpPr>
            <a:spLocks noGrp="1"/>
          </p:cNvSpPr>
          <p:nvPr>
            <p:ph type="dt" sz="half" idx="10"/>
            <p:custDataLst>
              <p:tags r:id="rId3"/>
            </p:custDataLst>
          </p:nvPr>
        </p:nvSpPr>
        <p:spPr/>
        <p:txBody>
          <a:bodyPr/>
          <a:lstStyle/>
          <a:p>
            <a:fld id="{9B0C978E-95F0-40EB-AAEE-6991B236EB3B}" type="datetime1">
              <a:rPr lang="de-CH" smtClean="0"/>
              <a:pPr/>
              <a:t>20.02.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2</a:t>
            </a:fld>
            <a:endParaRPr lang="de-CH" dirty="0"/>
          </a:p>
        </p:txBody>
      </p:sp>
    </p:spTree>
    <p:extLst>
      <p:ext uri="{BB962C8B-B14F-4D97-AF65-F5344CB8AC3E}">
        <p14:creationId xmlns:p14="http://schemas.microsoft.com/office/powerpoint/2010/main" val="3015003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r>
              <a:rPr lang="de-CH" dirty="0" smtClean="0"/>
              <a:t>1. Ausgangslage / Umfeld</a:t>
            </a:r>
            <a:endParaRPr lang="de-CH" dirty="0"/>
          </a:p>
        </p:txBody>
      </p:sp>
      <p:sp>
        <p:nvSpPr>
          <p:cNvPr id="4" name="Datumsplatzhalter 3"/>
          <p:cNvSpPr>
            <a:spLocks noGrp="1"/>
          </p:cNvSpPr>
          <p:nvPr>
            <p:ph type="dt" sz="half" idx="10"/>
            <p:custDataLst>
              <p:tags r:id="rId2"/>
            </p:custDataLst>
          </p:nvPr>
        </p:nvSpPr>
        <p:spPr/>
        <p:txBody>
          <a:bodyPr/>
          <a:lstStyle/>
          <a:p>
            <a:fld id="{4505397D-F40C-400C-A486-AA0581CF7685}" type="datetime1">
              <a:rPr lang="de-CH" smtClean="0"/>
              <a:pPr/>
              <a:t>20.02.17</a:t>
            </a:fld>
            <a:endParaRPr lang="de-CH" dirty="0"/>
          </a:p>
        </p:txBody>
      </p:sp>
      <p:sp>
        <p:nvSpPr>
          <p:cNvPr id="5" name="Foliennummernplatzhalter 4"/>
          <p:cNvSpPr>
            <a:spLocks noGrp="1"/>
          </p:cNvSpPr>
          <p:nvPr>
            <p:ph type="sldNum" sz="quarter" idx="12"/>
            <p:custDataLst>
              <p:tags r:id="rId3"/>
            </p:custDataLst>
          </p:nvPr>
        </p:nvSpPr>
        <p:spPr/>
        <p:txBody>
          <a:bodyPr/>
          <a:lstStyle/>
          <a:p>
            <a:fld id="{FA032481-47EB-4636-94E1-F5CD93B34200}" type="slidenum">
              <a:rPr lang="de-CH" smtClean="0"/>
              <a:pPr/>
              <a:t>3</a:t>
            </a:fld>
            <a:endParaRPr lang="de-CH" dirty="0"/>
          </a:p>
        </p:txBody>
      </p:sp>
      <p:grpSp>
        <p:nvGrpSpPr>
          <p:cNvPr id="6" name="Group 5"/>
          <p:cNvGrpSpPr/>
          <p:nvPr/>
        </p:nvGrpSpPr>
        <p:grpSpPr>
          <a:xfrm>
            <a:off x="868766" y="1172305"/>
            <a:ext cx="7498953" cy="4853093"/>
            <a:chOff x="206574" y="699351"/>
            <a:chExt cx="8867465" cy="5738752"/>
          </a:xfrm>
        </p:grpSpPr>
        <p:sp>
          <p:nvSpPr>
            <p:cNvPr id="7" name="Cloud 6"/>
            <p:cNvSpPr/>
            <p:nvPr/>
          </p:nvSpPr>
          <p:spPr>
            <a:xfrm>
              <a:off x="2661127" y="699351"/>
              <a:ext cx="3168352" cy="1773621"/>
            </a:xfrm>
            <a:prstGeom prst="cloud">
              <a:avLst/>
            </a:prstGeom>
            <a:ln/>
          </p:spPr>
          <p:style>
            <a:lnRef idx="2">
              <a:schemeClr val="accent3"/>
            </a:lnRef>
            <a:fillRef idx="1">
              <a:schemeClr val="lt1"/>
            </a:fillRef>
            <a:effectRef idx="0">
              <a:schemeClr val="accent3"/>
            </a:effectRef>
            <a:fontRef idx="minor">
              <a:schemeClr val="dk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10" name="Picture 10" descr="\\base.dom\daten\Zuerich\Homes\TKSZM\Desktop\solutions_product52.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92567" y="2100225"/>
              <a:ext cx="1764455" cy="1203610"/>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2" descr="\\base.dom\daten\Zuerich\Homes\TKSZM\Desktop\acquirer.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732240" y="1916832"/>
              <a:ext cx="1616743" cy="138700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3" descr="\\base.dom\daten\Zuerich\Homes\TKSZM\Desktop\cashier.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760828" y="3180939"/>
              <a:ext cx="4824536" cy="246627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C:\TEMP\SNAGHTML250ba4.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0" descr="C:\TEMP\SNAGHTML25391a.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2" descr="C:\TEMP\SNAGHTML256a66.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4" descr="C:\TEMP\SNAGHTML25a1ea.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6" descr="C:\TEMP\SNAGHTML25c40a.PNG"/>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8" descr="C:\TEMP\SNAGHTML25ecbf.PNG"/>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sp>
          <p:nvSpPr>
            <p:cNvPr id="19" name="TextBox 18"/>
            <p:cNvSpPr txBox="1"/>
            <p:nvPr/>
          </p:nvSpPr>
          <p:spPr>
            <a:xfrm>
              <a:off x="3619971" y="2480280"/>
              <a:ext cx="914031" cy="327550"/>
            </a:xfrm>
            <a:prstGeom prst="rect">
              <a:avLst/>
            </a:prstGeom>
            <a:noFill/>
          </p:spPr>
          <p:txBody>
            <a:bodyPr wrap="none" rtlCol="0">
              <a:spAutoFit/>
            </a:bodyPr>
            <a:lstStyle/>
            <a:p>
              <a:r>
                <a:rPr lang="de-CH" sz="1200" b="1" dirty="0" err="1" smtClean="0">
                  <a:solidFill>
                    <a:schemeClr val="accent6">
                      <a:lumMod val="50000"/>
                    </a:schemeClr>
                  </a:solidFill>
                </a:rPr>
                <a:t>Scheme</a:t>
              </a:r>
              <a:endParaRPr lang="de-CH" sz="1200" b="1" dirty="0">
                <a:solidFill>
                  <a:schemeClr val="accent6">
                    <a:lumMod val="50000"/>
                  </a:schemeClr>
                </a:solidFill>
              </a:endParaRPr>
            </a:p>
          </p:txBody>
        </p:sp>
        <p:sp>
          <p:nvSpPr>
            <p:cNvPr id="20" name="TextBox 19"/>
            <p:cNvSpPr txBox="1"/>
            <p:nvPr/>
          </p:nvSpPr>
          <p:spPr>
            <a:xfrm>
              <a:off x="7102181" y="5733256"/>
              <a:ext cx="867545" cy="276999"/>
            </a:xfrm>
            <a:prstGeom prst="rect">
              <a:avLst/>
            </a:prstGeom>
            <a:noFill/>
          </p:spPr>
          <p:txBody>
            <a:bodyPr wrap="none" rtlCol="0">
              <a:spAutoFit/>
            </a:bodyPr>
            <a:lstStyle/>
            <a:p>
              <a:r>
                <a:rPr lang="de-CH" sz="1200" b="1" dirty="0" err="1" smtClean="0">
                  <a:solidFill>
                    <a:schemeClr val="accent6">
                      <a:lumMod val="50000"/>
                    </a:schemeClr>
                  </a:solidFill>
                </a:rPr>
                <a:t>Merchant</a:t>
              </a:r>
              <a:endParaRPr lang="de-CH" sz="1200" b="1" dirty="0">
                <a:solidFill>
                  <a:schemeClr val="accent6">
                    <a:lumMod val="50000"/>
                  </a:schemeClr>
                </a:solidFill>
              </a:endParaRPr>
            </a:p>
          </p:txBody>
        </p:sp>
        <p:sp>
          <p:nvSpPr>
            <p:cNvPr id="21" name="TextBox 20"/>
            <p:cNvSpPr txBox="1"/>
            <p:nvPr/>
          </p:nvSpPr>
          <p:spPr>
            <a:xfrm>
              <a:off x="412531" y="5733255"/>
              <a:ext cx="1310198" cy="545916"/>
            </a:xfrm>
            <a:prstGeom prst="rect">
              <a:avLst/>
            </a:prstGeom>
            <a:noFill/>
          </p:spPr>
          <p:txBody>
            <a:bodyPr wrap="none" rtlCol="0">
              <a:spAutoFit/>
            </a:bodyPr>
            <a:lstStyle/>
            <a:p>
              <a:pPr algn="ctr"/>
              <a:r>
                <a:rPr lang="de-CH" sz="1200" b="1" dirty="0" smtClean="0">
                  <a:solidFill>
                    <a:schemeClr val="accent6">
                      <a:lumMod val="50000"/>
                    </a:schemeClr>
                  </a:solidFill>
                </a:rPr>
                <a:t>Customer</a:t>
              </a:r>
            </a:p>
            <a:p>
              <a:pPr algn="ctr"/>
              <a:r>
                <a:rPr lang="de-CH" sz="1200" b="1" dirty="0" smtClean="0">
                  <a:solidFill>
                    <a:schemeClr val="accent6">
                      <a:lumMod val="50000"/>
                    </a:schemeClr>
                  </a:solidFill>
                </a:rPr>
                <a:t>(</a:t>
              </a:r>
              <a:r>
                <a:rPr lang="de-CH" sz="1200" b="1" dirty="0" err="1" smtClean="0">
                  <a:solidFill>
                    <a:schemeClr val="accent6">
                      <a:lumMod val="50000"/>
                    </a:schemeClr>
                  </a:solidFill>
                </a:rPr>
                <a:t>Cardholder</a:t>
              </a:r>
              <a:r>
                <a:rPr lang="de-CH" sz="1200" b="1" dirty="0" smtClean="0">
                  <a:solidFill>
                    <a:schemeClr val="accent6">
                      <a:lumMod val="50000"/>
                    </a:schemeClr>
                  </a:solidFill>
                </a:rPr>
                <a:t>)</a:t>
              </a:r>
              <a:endParaRPr lang="de-CH" sz="1200" b="1" dirty="0">
                <a:solidFill>
                  <a:schemeClr val="accent6">
                    <a:lumMod val="50000"/>
                  </a:schemeClr>
                </a:solidFill>
              </a:endParaRPr>
            </a:p>
          </p:txBody>
        </p:sp>
        <p:sp>
          <p:nvSpPr>
            <p:cNvPr id="22" name="Left Arrow 21"/>
            <p:cNvSpPr/>
            <p:nvPr/>
          </p:nvSpPr>
          <p:spPr>
            <a:xfrm rot="12353047">
              <a:off x="5902621" y="1649771"/>
              <a:ext cx="100733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3" name="Left Arrow 22"/>
            <p:cNvSpPr/>
            <p:nvPr/>
          </p:nvSpPr>
          <p:spPr>
            <a:xfrm rot="8730473">
              <a:off x="1428304" y="1738947"/>
              <a:ext cx="1115870" cy="375244"/>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4" name="Left Arrow 23"/>
            <p:cNvSpPr/>
            <p:nvPr/>
          </p:nvSpPr>
          <p:spPr>
            <a:xfrm rot="16200000">
              <a:off x="6916844" y="4071261"/>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5" name="Left Arrow 24"/>
            <p:cNvSpPr/>
            <p:nvPr/>
          </p:nvSpPr>
          <p:spPr>
            <a:xfrm rot="5400000">
              <a:off x="889355" y="4008703"/>
              <a:ext cx="1051136" cy="217798"/>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6"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7003708" y="4869160"/>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0" descr="C:\Users\tkszm\AppData\Local\Microsoft\Windows\Temporary Internet Files\Content.IE5\HL9PF14C\report-cards-pic[1].jp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7535027" y="4991127"/>
              <a:ext cx="434700" cy="532686"/>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31" descr="C:\Users\tkszm\AppData\Local\Microsoft\Windows\Temporary Internet Files\Content.IE5\8868TRCN\chip-and-pin[1].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8367719" y="4980013"/>
              <a:ext cx="248959" cy="401547"/>
            </a:xfrm>
            <a:prstGeom prst="rect">
              <a:avLst/>
            </a:prstGeom>
            <a:noFill/>
            <a:extLst>
              <a:ext uri="{909E8E84-426E-40DD-AFC4-6F175D3DCCD1}">
                <a14:hiddenFill xmlns:a14="http://schemas.microsoft.com/office/drawing/2010/main">
                  <a:solidFill>
                    <a:srgbClr val="FFFFFF"/>
                  </a:solidFill>
                </a14:hiddenFill>
              </a:ext>
            </a:extLst>
          </p:spPr>
        </p:pic>
        <p:sp>
          <p:nvSpPr>
            <p:cNvPr id="29" name="Left Arrow 28"/>
            <p:cNvSpPr/>
            <p:nvPr/>
          </p:nvSpPr>
          <p:spPr>
            <a:xfrm rot="16200000">
              <a:off x="8011294"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grpSp>
          <p:nvGrpSpPr>
            <p:cNvPr id="30" name="Group 29"/>
            <p:cNvGrpSpPr/>
            <p:nvPr/>
          </p:nvGrpSpPr>
          <p:grpSpPr>
            <a:xfrm>
              <a:off x="8351684" y="5381560"/>
              <a:ext cx="722355" cy="390526"/>
              <a:chOff x="2884714" y="908720"/>
              <a:chExt cx="2308327" cy="1247948"/>
            </a:xfrm>
          </p:grpSpPr>
          <p:pic>
            <p:nvPicPr>
              <p:cNvPr id="40" name="Picture 18" descr="C:\TEMP\SNAGHTML250ba4.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TEMP\SNAGHTML25391a.PN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2" descr="C:\TEMP\SNAGHTML256a66.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4" descr="C:\TEMP\SNAGHTML25a1ea.PNG"/>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6" descr="C:\TEMP\SNAGHTML25c40a.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8" descr="C:\TEMP\SNAGHTML25ecbf.PNG"/>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grpSp>
        <p:sp>
          <p:nvSpPr>
            <p:cNvPr id="31" name="Left Arrow 30"/>
            <p:cNvSpPr/>
            <p:nvPr/>
          </p:nvSpPr>
          <p:spPr>
            <a:xfrm rot="16200000">
              <a:off x="-74133"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2" name="Picture 32" descr="C:\Users\tkszm\AppData\Local\Microsoft\Windows\Temporary Internet Files\Content.IE5\GDP2FMBT\creditcards[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206574" y="4869160"/>
              <a:ext cx="411915" cy="430926"/>
            </a:xfrm>
            <a:prstGeom prst="rect">
              <a:avLst/>
            </a:prstGeom>
            <a:noFill/>
            <a:extLst>
              <a:ext uri="{909E8E84-426E-40DD-AFC4-6F175D3DCCD1}">
                <a14:hiddenFill xmlns:a14="http://schemas.microsoft.com/office/drawing/2010/main">
                  <a:solidFill>
                    <a:srgbClr val="FFFFFF"/>
                  </a:solidFill>
                </a14:hiddenFill>
              </a:ext>
            </a:extLst>
          </p:spPr>
        </p:pic>
        <p:sp>
          <p:nvSpPr>
            <p:cNvPr id="33" name="Left Arrow 32"/>
            <p:cNvSpPr/>
            <p:nvPr/>
          </p:nvSpPr>
          <p:spPr>
            <a:xfrm rot="16200000">
              <a:off x="501061" y="4045217"/>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4" name="Picture 33" descr="C:\Users\tkszm\AppData\Local\Microsoft\Windows\Temporary Internet Files\Content.IE5\HL9PF14C\Symbol-Money.svg[1].pn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flipH="1">
              <a:off x="1244428" y="4643169"/>
              <a:ext cx="441453" cy="441453"/>
            </a:xfrm>
            <a:prstGeom prst="rect">
              <a:avLst/>
            </a:prstGeom>
            <a:noFill/>
            <a:extLst>
              <a:ext uri="{909E8E84-426E-40DD-AFC4-6F175D3DCCD1}">
                <a14:hiddenFill xmlns:a14="http://schemas.microsoft.com/office/drawing/2010/main">
                  <a:solidFill>
                    <a:srgbClr val="FFFFFF"/>
                  </a:solidFill>
                </a14:hiddenFill>
              </a:ext>
            </a:extLst>
          </p:spPr>
        </p:pic>
        <p:sp>
          <p:nvSpPr>
            <p:cNvPr id="35" name="Left Arrow 34"/>
            <p:cNvSpPr/>
            <p:nvPr/>
          </p:nvSpPr>
          <p:spPr>
            <a:xfrm>
              <a:off x="2567484" y="6006530"/>
              <a:ext cx="396967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6" name="Picture 34" descr="C:\Users\tkszm\AppData\Local\Microsoft\Windows\Temporary Internet Files\Content.IE5\GDP2FMBT\Monogram_Goods_OrangeBeachTote_lg[1].jpg"/>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1837653" y="5723414"/>
              <a:ext cx="714689" cy="714689"/>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descr="C:\Users\tkszm\AppData\Local\Microsoft\Windows\Temporary Internet Files\Content.IE5\HL9PF14C\report-cards-pic[1].jpg"/>
            <p:cNvPicPr>
              <a:picLocks noChangeAspect="1" noChangeArrowheads="1"/>
            </p:cNvPicPr>
            <p:nvPr/>
          </p:nvPicPr>
          <p:blipFill>
            <a:blip r:embed="rId26" cstate="print">
              <a:extLst>
                <a:ext uri="{28A0092B-C50C-407E-A947-70E740481C1C}">
                  <a14:useLocalDpi xmlns:a14="http://schemas.microsoft.com/office/drawing/2010/main" val="0"/>
                </a:ext>
              </a:extLst>
            </a:blip>
            <a:srcRect/>
            <a:stretch>
              <a:fillRect/>
            </a:stretch>
          </p:blipFill>
          <p:spPr bwMode="auto">
            <a:xfrm>
              <a:off x="869183" y="4768168"/>
              <a:ext cx="314895" cy="38587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5873789" y="1953371"/>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306060" y="1176228"/>
              <a:ext cx="506143" cy="68824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4003776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r>
              <a:rPr lang="de-CH" dirty="0" smtClean="0"/>
              <a:t>1. Ausgangslage / Umfeld</a:t>
            </a:r>
            <a:endParaRPr lang="de-CH" dirty="0"/>
          </a:p>
        </p:txBody>
      </p:sp>
      <p:sp>
        <p:nvSpPr>
          <p:cNvPr id="4" name="Datumsplatzhalter 3"/>
          <p:cNvSpPr>
            <a:spLocks noGrp="1"/>
          </p:cNvSpPr>
          <p:nvPr>
            <p:ph type="dt" sz="half" idx="10"/>
            <p:custDataLst>
              <p:tags r:id="rId2"/>
            </p:custDataLst>
          </p:nvPr>
        </p:nvSpPr>
        <p:spPr/>
        <p:txBody>
          <a:bodyPr/>
          <a:lstStyle/>
          <a:p>
            <a:fld id="{4505397D-F40C-400C-A486-AA0581CF7685}" type="datetime1">
              <a:rPr lang="de-CH" smtClean="0"/>
              <a:pPr/>
              <a:t>20.02.17</a:t>
            </a:fld>
            <a:endParaRPr lang="de-CH" dirty="0"/>
          </a:p>
        </p:txBody>
      </p:sp>
      <p:sp>
        <p:nvSpPr>
          <p:cNvPr id="5" name="Foliennummernplatzhalter 4"/>
          <p:cNvSpPr>
            <a:spLocks noGrp="1"/>
          </p:cNvSpPr>
          <p:nvPr>
            <p:ph type="sldNum" sz="quarter" idx="12"/>
            <p:custDataLst>
              <p:tags r:id="rId3"/>
            </p:custDataLst>
          </p:nvPr>
        </p:nvSpPr>
        <p:spPr/>
        <p:txBody>
          <a:bodyPr/>
          <a:lstStyle/>
          <a:p>
            <a:fld id="{FA032481-47EB-4636-94E1-F5CD93B34200}" type="slidenum">
              <a:rPr lang="de-CH" smtClean="0"/>
              <a:pPr/>
              <a:t>4</a:t>
            </a:fld>
            <a:endParaRPr lang="de-CH" dirty="0"/>
          </a:p>
        </p:txBody>
      </p:sp>
      <p:grpSp>
        <p:nvGrpSpPr>
          <p:cNvPr id="46" name="Group 45"/>
          <p:cNvGrpSpPr/>
          <p:nvPr/>
        </p:nvGrpSpPr>
        <p:grpSpPr>
          <a:xfrm>
            <a:off x="719818" y="795308"/>
            <a:ext cx="7521111" cy="5443999"/>
            <a:chOff x="719818" y="795308"/>
            <a:chExt cx="7521111" cy="5443999"/>
          </a:xfrm>
        </p:grpSpPr>
        <p:grpSp>
          <p:nvGrpSpPr>
            <p:cNvPr id="47" name="Group 46"/>
            <p:cNvGrpSpPr/>
            <p:nvPr/>
          </p:nvGrpSpPr>
          <p:grpSpPr>
            <a:xfrm>
              <a:off x="719818" y="1529543"/>
              <a:ext cx="6802420" cy="4113273"/>
              <a:chOff x="539552" y="836712"/>
              <a:chExt cx="8824664" cy="5336079"/>
            </a:xfrm>
          </p:grpSpPr>
          <p:sp>
            <p:nvSpPr>
              <p:cNvPr id="52" name="Rectangle 1493"/>
              <p:cNvSpPr>
                <a:spLocks noChangeArrowheads="1"/>
              </p:cNvSpPr>
              <p:nvPr/>
            </p:nvSpPr>
            <p:spPr bwMode="auto">
              <a:xfrm>
                <a:off x="4630661" y="5301508"/>
                <a:ext cx="648072" cy="432047"/>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700" dirty="0" smtClean="0"/>
                  <a:t>CETREL</a:t>
                </a:r>
                <a:endParaRPr lang="en-GB" sz="700" dirty="0"/>
              </a:p>
            </p:txBody>
          </p:sp>
          <p:sp>
            <p:nvSpPr>
              <p:cNvPr id="53" name="Rectangle 1492"/>
              <p:cNvSpPr>
                <a:spLocks noChangeArrowheads="1"/>
              </p:cNvSpPr>
              <p:nvPr/>
            </p:nvSpPr>
            <p:spPr bwMode="auto">
              <a:xfrm>
                <a:off x="3822383" y="5301208"/>
                <a:ext cx="677609" cy="432048"/>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800" dirty="0" err="1" smtClean="0"/>
                  <a:t>SiNSYS</a:t>
                </a:r>
                <a:endParaRPr lang="en-GB" sz="800" dirty="0"/>
              </a:p>
            </p:txBody>
          </p:sp>
          <p:sp>
            <p:nvSpPr>
              <p:cNvPr id="54" name="Freeform 1475"/>
              <p:cNvSpPr>
                <a:spLocks noEditPoints="1"/>
              </p:cNvSpPr>
              <p:nvPr/>
            </p:nvSpPr>
            <p:spPr bwMode="auto">
              <a:xfrm>
                <a:off x="7988665" y="3244717"/>
                <a:ext cx="94115" cy="195645"/>
              </a:xfrm>
              <a:custGeom>
                <a:avLst/>
                <a:gdLst/>
                <a:ahLst/>
                <a:cxnLst>
                  <a:cxn ang="0">
                    <a:pos x="65" y="0"/>
                  </a:cxn>
                  <a:cxn ang="0">
                    <a:pos x="65" y="123"/>
                  </a:cxn>
                  <a:cxn ang="0">
                    <a:pos x="33" y="123"/>
                  </a:cxn>
                  <a:cxn ang="0">
                    <a:pos x="33" y="0"/>
                  </a:cxn>
                  <a:cxn ang="0">
                    <a:pos x="65" y="0"/>
                  </a:cxn>
                  <a:cxn ang="0">
                    <a:pos x="98" y="107"/>
                  </a:cxn>
                  <a:cxn ang="0">
                    <a:pos x="48" y="203"/>
                  </a:cxn>
                  <a:cxn ang="0">
                    <a:pos x="0" y="107"/>
                  </a:cxn>
                  <a:cxn ang="0">
                    <a:pos x="98" y="107"/>
                  </a:cxn>
                </a:cxnLst>
                <a:rect l="0" t="0" r="r" b="b"/>
                <a:pathLst>
                  <a:path w="98" h="203">
                    <a:moveTo>
                      <a:pt x="65" y="0"/>
                    </a:moveTo>
                    <a:lnTo>
                      <a:pt x="65" y="123"/>
                    </a:lnTo>
                    <a:lnTo>
                      <a:pt x="33" y="123"/>
                    </a:lnTo>
                    <a:lnTo>
                      <a:pt x="33" y="0"/>
                    </a:lnTo>
                    <a:lnTo>
                      <a:pt x="65" y="0"/>
                    </a:lnTo>
                    <a:close/>
                    <a:moveTo>
                      <a:pt x="98" y="107"/>
                    </a:moveTo>
                    <a:lnTo>
                      <a:pt x="48" y="203"/>
                    </a:lnTo>
                    <a:lnTo>
                      <a:pt x="0" y="107"/>
                    </a:lnTo>
                    <a:lnTo>
                      <a:pt x="98" y="107"/>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55" name="Rectangle 1471"/>
              <p:cNvSpPr>
                <a:spLocks noChangeArrowheads="1"/>
              </p:cNvSpPr>
              <p:nvPr/>
            </p:nvSpPr>
            <p:spPr bwMode="auto">
              <a:xfrm>
                <a:off x="6625650" y="3645088"/>
                <a:ext cx="585329" cy="263337"/>
              </a:xfrm>
              <a:prstGeom prst="rect">
                <a:avLst/>
              </a:prstGeom>
              <a:solidFill>
                <a:srgbClr val="EBEBEB"/>
              </a:solidFill>
              <a:ln w="9525">
                <a:noFill/>
                <a:miter lim="800000"/>
                <a:headEnd/>
                <a:tailEnd/>
              </a:ln>
            </p:spPr>
            <p:txBody>
              <a:bodyPr vert="horz" wrap="square" lIns="91440" tIns="45720" rIns="91440" bIns="45720" numCol="1" anchor="t" anchorCtr="0" compatLnSpc="1">
                <a:prstTxWarp prst="textNoShape">
                  <a:avLst/>
                </a:prstTxWarp>
              </a:bodyPr>
              <a:lstStyle/>
              <a:p>
                <a:endParaRPr lang="en-GB"/>
              </a:p>
            </p:txBody>
          </p:sp>
          <p:sp>
            <p:nvSpPr>
              <p:cNvPr id="56" name="Rectangle 1470"/>
              <p:cNvSpPr>
                <a:spLocks noChangeArrowheads="1"/>
              </p:cNvSpPr>
              <p:nvPr/>
            </p:nvSpPr>
            <p:spPr bwMode="auto">
              <a:xfrm>
                <a:off x="6836170" y="3705350"/>
                <a:ext cx="155492" cy="153888"/>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en-GB" sz="1000" b="0" i="0" u="none" strike="noStrike" cap="none" normalizeH="0" baseline="0" dirty="0" smtClean="0">
                    <a:ln>
                      <a:noFill/>
                    </a:ln>
                    <a:solidFill>
                      <a:srgbClr val="000000"/>
                    </a:solidFill>
                    <a:effectLst/>
                    <a:latin typeface="Arial" pitchFamily="34" charset="0"/>
                    <a:ea typeface="Times New Roman" pitchFamily="18" charset="0"/>
                    <a:cs typeface="Arial" pitchFamily="34" charset="0"/>
                  </a:rPr>
                  <a:t>LE</a:t>
                </a:r>
                <a:endParaRPr kumimoji="0" lang="en-GB" sz="1000" b="0" i="0" u="none" strike="noStrike" cap="none" normalizeH="0" baseline="0" dirty="0" smtClean="0">
                  <a:ln>
                    <a:noFill/>
                  </a:ln>
                  <a:solidFill>
                    <a:schemeClr val="tx1"/>
                  </a:solidFill>
                  <a:effectLst/>
                  <a:latin typeface="Arial" pitchFamily="34" charset="0"/>
                  <a:cs typeface="Arial" pitchFamily="34" charset="0"/>
                </a:endParaRPr>
              </a:p>
            </p:txBody>
          </p:sp>
          <p:sp>
            <p:nvSpPr>
              <p:cNvPr id="57" name="Rectangle 1464"/>
              <p:cNvSpPr>
                <a:spLocks noChangeArrowheads="1"/>
              </p:cNvSpPr>
              <p:nvPr/>
            </p:nvSpPr>
            <p:spPr bwMode="auto">
              <a:xfrm>
                <a:off x="2497803" y="2812356"/>
                <a:ext cx="631561" cy="555566"/>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1200" dirty="0" smtClean="0"/>
                  <a:t>CBK</a:t>
                </a:r>
                <a:endParaRPr lang="en-GB" sz="1200" dirty="0"/>
              </a:p>
            </p:txBody>
          </p:sp>
          <p:sp>
            <p:nvSpPr>
              <p:cNvPr id="58" name="Freeform 1462"/>
              <p:cNvSpPr>
                <a:spLocks noEditPoints="1"/>
              </p:cNvSpPr>
              <p:nvPr/>
            </p:nvSpPr>
            <p:spPr bwMode="auto">
              <a:xfrm rot="877142">
                <a:off x="3104596" y="3020385"/>
                <a:ext cx="596887" cy="163450"/>
              </a:xfrm>
              <a:custGeom>
                <a:avLst/>
                <a:gdLst/>
                <a:ahLst/>
                <a:cxnLst>
                  <a:cxn ang="0">
                    <a:pos x="1048" y="51"/>
                  </a:cxn>
                  <a:cxn ang="0">
                    <a:pos x="72" y="51"/>
                  </a:cxn>
                  <a:cxn ang="0">
                    <a:pos x="68" y="49"/>
                  </a:cxn>
                  <a:cxn ang="0">
                    <a:pos x="66" y="47"/>
                  </a:cxn>
                  <a:cxn ang="0">
                    <a:pos x="65" y="46"/>
                  </a:cxn>
                  <a:cxn ang="0">
                    <a:pos x="65" y="42"/>
                  </a:cxn>
                  <a:cxn ang="0">
                    <a:pos x="65" y="40"/>
                  </a:cxn>
                  <a:cxn ang="0">
                    <a:pos x="66" y="37"/>
                  </a:cxn>
                  <a:cxn ang="0">
                    <a:pos x="68" y="35"/>
                  </a:cxn>
                  <a:cxn ang="0">
                    <a:pos x="72" y="35"/>
                  </a:cxn>
                  <a:cxn ang="0">
                    <a:pos x="1048" y="35"/>
                  </a:cxn>
                  <a:cxn ang="0">
                    <a:pos x="1050" y="35"/>
                  </a:cxn>
                  <a:cxn ang="0">
                    <a:pos x="1053" y="37"/>
                  </a:cxn>
                  <a:cxn ang="0">
                    <a:pos x="1053" y="40"/>
                  </a:cxn>
                  <a:cxn ang="0">
                    <a:pos x="1055" y="42"/>
                  </a:cxn>
                  <a:cxn ang="0">
                    <a:pos x="1053" y="46"/>
                  </a:cxn>
                  <a:cxn ang="0">
                    <a:pos x="1053" y="47"/>
                  </a:cxn>
                  <a:cxn ang="0">
                    <a:pos x="1050" y="49"/>
                  </a:cxn>
                  <a:cxn ang="0">
                    <a:pos x="1048" y="51"/>
                  </a:cxn>
                  <a:cxn ang="0">
                    <a:pos x="1048" y="51"/>
                  </a:cxn>
                  <a:cxn ang="0">
                    <a:pos x="85" y="85"/>
                  </a:cxn>
                  <a:cxn ang="0">
                    <a:pos x="0" y="42"/>
                  </a:cxn>
                  <a:cxn ang="0">
                    <a:pos x="85" y="0"/>
                  </a:cxn>
                  <a:cxn ang="0">
                    <a:pos x="85" y="85"/>
                  </a:cxn>
                </a:cxnLst>
                <a:rect l="0" t="0" r="r" b="b"/>
                <a:pathLst>
                  <a:path w="1055" h="85">
                    <a:moveTo>
                      <a:pt x="1048" y="51"/>
                    </a:moveTo>
                    <a:lnTo>
                      <a:pt x="72" y="51"/>
                    </a:lnTo>
                    <a:lnTo>
                      <a:pt x="68" y="49"/>
                    </a:lnTo>
                    <a:lnTo>
                      <a:pt x="66" y="47"/>
                    </a:lnTo>
                    <a:lnTo>
                      <a:pt x="65" y="46"/>
                    </a:lnTo>
                    <a:lnTo>
                      <a:pt x="65" y="42"/>
                    </a:lnTo>
                    <a:lnTo>
                      <a:pt x="65" y="40"/>
                    </a:lnTo>
                    <a:lnTo>
                      <a:pt x="66" y="37"/>
                    </a:lnTo>
                    <a:lnTo>
                      <a:pt x="68" y="35"/>
                    </a:lnTo>
                    <a:lnTo>
                      <a:pt x="72" y="35"/>
                    </a:lnTo>
                    <a:lnTo>
                      <a:pt x="1048" y="35"/>
                    </a:lnTo>
                    <a:lnTo>
                      <a:pt x="1050" y="35"/>
                    </a:lnTo>
                    <a:lnTo>
                      <a:pt x="1053" y="37"/>
                    </a:lnTo>
                    <a:lnTo>
                      <a:pt x="1053" y="40"/>
                    </a:lnTo>
                    <a:lnTo>
                      <a:pt x="1055" y="42"/>
                    </a:lnTo>
                    <a:lnTo>
                      <a:pt x="1053" y="46"/>
                    </a:lnTo>
                    <a:lnTo>
                      <a:pt x="1053" y="47"/>
                    </a:lnTo>
                    <a:lnTo>
                      <a:pt x="1050" y="49"/>
                    </a:lnTo>
                    <a:lnTo>
                      <a:pt x="1048" y="51"/>
                    </a:lnTo>
                    <a:close/>
                    <a:moveTo>
                      <a:pt x="85" y="85"/>
                    </a:moveTo>
                    <a:lnTo>
                      <a:pt x="0" y="42"/>
                    </a:lnTo>
                    <a:lnTo>
                      <a:pt x="85" y="0"/>
                    </a:lnTo>
                    <a:lnTo>
                      <a:pt x="85"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59" name="Freeform 1461"/>
              <p:cNvSpPr>
                <a:spLocks noEditPoints="1"/>
              </p:cNvSpPr>
              <p:nvPr/>
            </p:nvSpPr>
            <p:spPr bwMode="auto">
              <a:xfrm rot="712284">
                <a:off x="3108724" y="3240796"/>
                <a:ext cx="594410" cy="134558"/>
              </a:xfrm>
              <a:custGeom>
                <a:avLst/>
                <a:gdLst/>
                <a:ahLst/>
                <a:cxnLst>
                  <a:cxn ang="0">
                    <a:pos x="7" y="35"/>
                  </a:cxn>
                  <a:cxn ang="0">
                    <a:pos x="1064" y="35"/>
                  </a:cxn>
                  <a:cxn ang="0">
                    <a:pos x="1066" y="35"/>
                  </a:cxn>
                  <a:cxn ang="0">
                    <a:pos x="1069" y="37"/>
                  </a:cxn>
                  <a:cxn ang="0">
                    <a:pos x="1071" y="39"/>
                  </a:cxn>
                  <a:cxn ang="0">
                    <a:pos x="1071" y="42"/>
                  </a:cxn>
                  <a:cxn ang="0">
                    <a:pos x="1071" y="46"/>
                  </a:cxn>
                  <a:cxn ang="0">
                    <a:pos x="1069" y="47"/>
                  </a:cxn>
                  <a:cxn ang="0">
                    <a:pos x="1066" y="49"/>
                  </a:cxn>
                  <a:cxn ang="0">
                    <a:pos x="1064" y="49"/>
                  </a:cxn>
                  <a:cxn ang="0">
                    <a:pos x="7" y="49"/>
                  </a:cxn>
                  <a:cxn ang="0">
                    <a:pos x="4" y="49"/>
                  </a:cxn>
                  <a:cxn ang="0">
                    <a:pos x="2" y="47"/>
                  </a:cxn>
                  <a:cxn ang="0">
                    <a:pos x="0" y="46"/>
                  </a:cxn>
                  <a:cxn ang="0">
                    <a:pos x="0" y="42"/>
                  </a:cxn>
                  <a:cxn ang="0">
                    <a:pos x="0" y="39"/>
                  </a:cxn>
                  <a:cxn ang="0">
                    <a:pos x="2" y="37"/>
                  </a:cxn>
                  <a:cxn ang="0">
                    <a:pos x="4" y="35"/>
                  </a:cxn>
                  <a:cxn ang="0">
                    <a:pos x="7" y="35"/>
                  </a:cxn>
                  <a:cxn ang="0">
                    <a:pos x="7" y="35"/>
                  </a:cxn>
                  <a:cxn ang="0">
                    <a:pos x="1049" y="0"/>
                  </a:cxn>
                  <a:cxn ang="0">
                    <a:pos x="1134" y="42"/>
                  </a:cxn>
                  <a:cxn ang="0">
                    <a:pos x="1049" y="85"/>
                  </a:cxn>
                  <a:cxn ang="0">
                    <a:pos x="1049" y="0"/>
                  </a:cxn>
                </a:cxnLst>
                <a:rect l="0" t="0" r="r" b="b"/>
                <a:pathLst>
                  <a:path w="1134" h="85">
                    <a:moveTo>
                      <a:pt x="7" y="35"/>
                    </a:moveTo>
                    <a:lnTo>
                      <a:pt x="1064" y="35"/>
                    </a:lnTo>
                    <a:lnTo>
                      <a:pt x="1066" y="35"/>
                    </a:lnTo>
                    <a:lnTo>
                      <a:pt x="1069" y="37"/>
                    </a:lnTo>
                    <a:lnTo>
                      <a:pt x="1071" y="39"/>
                    </a:lnTo>
                    <a:lnTo>
                      <a:pt x="1071" y="42"/>
                    </a:lnTo>
                    <a:lnTo>
                      <a:pt x="1071" y="46"/>
                    </a:lnTo>
                    <a:lnTo>
                      <a:pt x="1069" y="47"/>
                    </a:lnTo>
                    <a:lnTo>
                      <a:pt x="1066" y="49"/>
                    </a:lnTo>
                    <a:lnTo>
                      <a:pt x="1064" y="49"/>
                    </a:lnTo>
                    <a:lnTo>
                      <a:pt x="7" y="49"/>
                    </a:lnTo>
                    <a:lnTo>
                      <a:pt x="4" y="49"/>
                    </a:lnTo>
                    <a:lnTo>
                      <a:pt x="2" y="47"/>
                    </a:lnTo>
                    <a:lnTo>
                      <a:pt x="0" y="46"/>
                    </a:lnTo>
                    <a:lnTo>
                      <a:pt x="0" y="42"/>
                    </a:lnTo>
                    <a:lnTo>
                      <a:pt x="0" y="39"/>
                    </a:lnTo>
                    <a:lnTo>
                      <a:pt x="2" y="37"/>
                    </a:lnTo>
                    <a:lnTo>
                      <a:pt x="4" y="35"/>
                    </a:lnTo>
                    <a:lnTo>
                      <a:pt x="7" y="35"/>
                    </a:lnTo>
                    <a:close/>
                    <a:moveTo>
                      <a:pt x="1049" y="0"/>
                    </a:moveTo>
                    <a:lnTo>
                      <a:pt x="1134" y="42"/>
                    </a:lnTo>
                    <a:lnTo>
                      <a:pt x="1049" y="85"/>
                    </a:lnTo>
                    <a:lnTo>
                      <a:pt x="104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0" name="Rectangle 1460"/>
              <p:cNvSpPr>
                <a:spLocks noChangeArrowheads="1"/>
              </p:cNvSpPr>
              <p:nvPr/>
            </p:nvSpPr>
            <p:spPr bwMode="auto">
              <a:xfrm>
                <a:off x="1979712" y="4490220"/>
                <a:ext cx="718246" cy="334693"/>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800" dirty="0" err="1" smtClean="0"/>
                  <a:t>cMOMS</a:t>
                </a:r>
                <a:endParaRPr lang="en-GB" sz="800" dirty="0"/>
              </a:p>
            </p:txBody>
          </p:sp>
          <p:sp>
            <p:nvSpPr>
              <p:cNvPr id="61" name="Freeform 1458"/>
              <p:cNvSpPr>
                <a:spLocks noEditPoints="1"/>
              </p:cNvSpPr>
              <p:nvPr/>
            </p:nvSpPr>
            <p:spPr bwMode="auto">
              <a:xfrm>
                <a:off x="2684381" y="4188478"/>
                <a:ext cx="1030311" cy="397893"/>
              </a:xfrm>
              <a:custGeom>
                <a:avLst/>
                <a:gdLst/>
                <a:ahLst/>
                <a:cxnLst>
                  <a:cxn ang="0">
                    <a:pos x="1952" y="16"/>
                  </a:cxn>
                  <a:cxn ang="0">
                    <a:pos x="70" y="577"/>
                  </a:cxn>
                  <a:cxn ang="0">
                    <a:pos x="68" y="577"/>
                  </a:cxn>
                  <a:cxn ang="0">
                    <a:pos x="64" y="577"/>
                  </a:cxn>
                  <a:cxn ang="0">
                    <a:pos x="63" y="575"/>
                  </a:cxn>
                  <a:cxn ang="0">
                    <a:pos x="61" y="573"/>
                  </a:cxn>
                  <a:cxn ang="0">
                    <a:pos x="61" y="570"/>
                  </a:cxn>
                  <a:cxn ang="0">
                    <a:pos x="61" y="566"/>
                  </a:cxn>
                  <a:cxn ang="0">
                    <a:pos x="63" y="565"/>
                  </a:cxn>
                  <a:cxn ang="0">
                    <a:pos x="66" y="563"/>
                  </a:cxn>
                  <a:cxn ang="0">
                    <a:pos x="1948" y="2"/>
                  </a:cxn>
                  <a:cxn ang="0">
                    <a:pos x="1950" y="0"/>
                  </a:cxn>
                  <a:cxn ang="0">
                    <a:pos x="1953" y="2"/>
                  </a:cxn>
                  <a:cxn ang="0">
                    <a:pos x="1955" y="4"/>
                  </a:cxn>
                  <a:cxn ang="0">
                    <a:pos x="1957" y="5"/>
                  </a:cxn>
                  <a:cxn ang="0">
                    <a:pos x="1957" y="9"/>
                  </a:cxn>
                  <a:cxn ang="0">
                    <a:pos x="1957" y="12"/>
                  </a:cxn>
                  <a:cxn ang="0">
                    <a:pos x="1955" y="14"/>
                  </a:cxn>
                  <a:cxn ang="0">
                    <a:pos x="1952" y="16"/>
                  </a:cxn>
                  <a:cxn ang="0">
                    <a:pos x="1952" y="16"/>
                  </a:cxn>
                  <a:cxn ang="0">
                    <a:pos x="93" y="607"/>
                  </a:cxn>
                  <a:cxn ang="0">
                    <a:pos x="0" y="590"/>
                  </a:cxn>
                  <a:cxn ang="0">
                    <a:pos x="70" y="526"/>
                  </a:cxn>
                  <a:cxn ang="0">
                    <a:pos x="93" y="607"/>
                  </a:cxn>
                </a:cxnLst>
                <a:rect l="0" t="0" r="r" b="b"/>
                <a:pathLst>
                  <a:path w="1957" h="607">
                    <a:moveTo>
                      <a:pt x="1952" y="16"/>
                    </a:moveTo>
                    <a:lnTo>
                      <a:pt x="70" y="577"/>
                    </a:lnTo>
                    <a:lnTo>
                      <a:pt x="68" y="577"/>
                    </a:lnTo>
                    <a:lnTo>
                      <a:pt x="64" y="577"/>
                    </a:lnTo>
                    <a:lnTo>
                      <a:pt x="63" y="575"/>
                    </a:lnTo>
                    <a:lnTo>
                      <a:pt x="61" y="573"/>
                    </a:lnTo>
                    <a:lnTo>
                      <a:pt x="61" y="570"/>
                    </a:lnTo>
                    <a:lnTo>
                      <a:pt x="61" y="566"/>
                    </a:lnTo>
                    <a:lnTo>
                      <a:pt x="63" y="565"/>
                    </a:lnTo>
                    <a:lnTo>
                      <a:pt x="66" y="563"/>
                    </a:lnTo>
                    <a:lnTo>
                      <a:pt x="1948" y="2"/>
                    </a:lnTo>
                    <a:lnTo>
                      <a:pt x="1950" y="0"/>
                    </a:lnTo>
                    <a:lnTo>
                      <a:pt x="1953" y="2"/>
                    </a:lnTo>
                    <a:lnTo>
                      <a:pt x="1955" y="4"/>
                    </a:lnTo>
                    <a:lnTo>
                      <a:pt x="1957" y="5"/>
                    </a:lnTo>
                    <a:lnTo>
                      <a:pt x="1957" y="9"/>
                    </a:lnTo>
                    <a:lnTo>
                      <a:pt x="1957" y="12"/>
                    </a:lnTo>
                    <a:lnTo>
                      <a:pt x="1955" y="14"/>
                    </a:lnTo>
                    <a:lnTo>
                      <a:pt x="1952" y="16"/>
                    </a:lnTo>
                    <a:close/>
                    <a:moveTo>
                      <a:pt x="93" y="607"/>
                    </a:moveTo>
                    <a:lnTo>
                      <a:pt x="0" y="590"/>
                    </a:lnTo>
                    <a:lnTo>
                      <a:pt x="70" y="526"/>
                    </a:lnTo>
                    <a:lnTo>
                      <a:pt x="93" y="607"/>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2" name="Line 1457"/>
              <p:cNvSpPr>
                <a:spLocks noChangeShapeType="1"/>
              </p:cNvSpPr>
              <p:nvPr/>
            </p:nvSpPr>
            <p:spPr bwMode="auto">
              <a:xfrm>
                <a:off x="5605246" y="4772731"/>
                <a:ext cx="826" cy="870085"/>
              </a:xfrm>
              <a:prstGeom prst="line">
                <a:avLst/>
              </a:prstGeom>
              <a:noFill/>
              <a:ln w="139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3" name="Freeform 1456"/>
              <p:cNvSpPr>
                <a:spLocks noEditPoints="1"/>
              </p:cNvSpPr>
              <p:nvPr/>
            </p:nvSpPr>
            <p:spPr bwMode="auto">
              <a:xfrm>
                <a:off x="5605246" y="5602365"/>
                <a:ext cx="1949169" cy="81725"/>
              </a:xfrm>
              <a:custGeom>
                <a:avLst/>
                <a:gdLst/>
                <a:ahLst/>
                <a:cxnLst>
                  <a:cxn ang="0">
                    <a:pos x="0" y="32"/>
                  </a:cxn>
                  <a:cxn ang="0">
                    <a:pos x="1953" y="32"/>
                  </a:cxn>
                  <a:cxn ang="0">
                    <a:pos x="1953" y="53"/>
                  </a:cxn>
                  <a:cxn ang="0">
                    <a:pos x="0" y="53"/>
                  </a:cxn>
                  <a:cxn ang="0">
                    <a:pos x="0" y="32"/>
                  </a:cxn>
                  <a:cxn ang="0">
                    <a:pos x="1939" y="0"/>
                  </a:cxn>
                  <a:cxn ang="0">
                    <a:pos x="2025" y="42"/>
                  </a:cxn>
                  <a:cxn ang="0">
                    <a:pos x="1939" y="85"/>
                  </a:cxn>
                  <a:cxn ang="0">
                    <a:pos x="1939" y="0"/>
                  </a:cxn>
                </a:cxnLst>
                <a:rect l="0" t="0" r="r" b="b"/>
                <a:pathLst>
                  <a:path w="2025" h="85">
                    <a:moveTo>
                      <a:pt x="0" y="32"/>
                    </a:moveTo>
                    <a:lnTo>
                      <a:pt x="1953" y="32"/>
                    </a:lnTo>
                    <a:lnTo>
                      <a:pt x="1953" y="53"/>
                    </a:lnTo>
                    <a:lnTo>
                      <a:pt x="0" y="53"/>
                    </a:lnTo>
                    <a:lnTo>
                      <a:pt x="0" y="32"/>
                    </a:lnTo>
                    <a:close/>
                    <a:moveTo>
                      <a:pt x="1939" y="0"/>
                    </a:moveTo>
                    <a:lnTo>
                      <a:pt x="2025" y="42"/>
                    </a:lnTo>
                    <a:lnTo>
                      <a:pt x="1939" y="85"/>
                    </a:lnTo>
                    <a:lnTo>
                      <a:pt x="193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4" name="Freeform 1258"/>
              <p:cNvSpPr>
                <a:spLocks noEditPoints="1"/>
              </p:cNvSpPr>
              <p:nvPr/>
            </p:nvSpPr>
            <p:spPr bwMode="auto">
              <a:xfrm>
                <a:off x="5738163" y="4772731"/>
                <a:ext cx="81731" cy="567123"/>
              </a:xfrm>
              <a:custGeom>
                <a:avLst/>
                <a:gdLst/>
                <a:ahLst/>
                <a:cxnLst>
                  <a:cxn ang="0">
                    <a:pos x="41" y="77"/>
                  </a:cxn>
                  <a:cxn ang="0">
                    <a:pos x="41" y="63"/>
                  </a:cxn>
                  <a:cxn ang="0">
                    <a:pos x="51" y="99"/>
                  </a:cxn>
                  <a:cxn ang="0">
                    <a:pos x="37" y="104"/>
                  </a:cxn>
                  <a:cxn ang="0">
                    <a:pos x="42" y="92"/>
                  </a:cxn>
                  <a:cxn ang="0">
                    <a:pos x="51" y="128"/>
                  </a:cxn>
                  <a:cxn ang="0">
                    <a:pos x="35" y="130"/>
                  </a:cxn>
                  <a:cxn ang="0">
                    <a:pos x="46" y="121"/>
                  </a:cxn>
                  <a:cxn ang="0">
                    <a:pos x="49" y="159"/>
                  </a:cxn>
                  <a:cxn ang="0">
                    <a:pos x="35" y="155"/>
                  </a:cxn>
                  <a:cxn ang="0">
                    <a:pos x="47" y="150"/>
                  </a:cxn>
                  <a:cxn ang="0">
                    <a:pos x="47" y="189"/>
                  </a:cxn>
                  <a:cxn ang="0">
                    <a:pos x="35" y="184"/>
                  </a:cxn>
                  <a:cxn ang="0">
                    <a:pos x="49" y="181"/>
                  </a:cxn>
                  <a:cxn ang="0">
                    <a:pos x="46" y="218"/>
                  </a:cxn>
                  <a:cxn ang="0">
                    <a:pos x="35" y="210"/>
                  </a:cxn>
                  <a:cxn ang="0">
                    <a:pos x="51" y="213"/>
                  </a:cxn>
                  <a:cxn ang="0">
                    <a:pos x="42" y="249"/>
                  </a:cxn>
                  <a:cxn ang="0">
                    <a:pos x="37" y="235"/>
                  </a:cxn>
                  <a:cxn ang="0">
                    <a:pos x="51" y="240"/>
                  </a:cxn>
                  <a:cxn ang="0">
                    <a:pos x="41" y="276"/>
                  </a:cxn>
                  <a:cxn ang="0">
                    <a:pos x="41" y="263"/>
                  </a:cxn>
                  <a:cxn ang="0">
                    <a:pos x="51" y="298"/>
                  </a:cxn>
                  <a:cxn ang="0">
                    <a:pos x="37" y="304"/>
                  </a:cxn>
                  <a:cxn ang="0">
                    <a:pos x="42" y="292"/>
                  </a:cxn>
                  <a:cxn ang="0">
                    <a:pos x="51" y="326"/>
                  </a:cxn>
                  <a:cxn ang="0">
                    <a:pos x="35" y="329"/>
                  </a:cxn>
                  <a:cxn ang="0">
                    <a:pos x="46" y="319"/>
                  </a:cxn>
                  <a:cxn ang="0">
                    <a:pos x="49" y="358"/>
                  </a:cxn>
                  <a:cxn ang="0">
                    <a:pos x="35" y="355"/>
                  </a:cxn>
                  <a:cxn ang="0">
                    <a:pos x="47" y="350"/>
                  </a:cxn>
                  <a:cxn ang="0">
                    <a:pos x="47" y="389"/>
                  </a:cxn>
                  <a:cxn ang="0">
                    <a:pos x="35" y="384"/>
                  </a:cxn>
                  <a:cxn ang="0">
                    <a:pos x="49" y="380"/>
                  </a:cxn>
                  <a:cxn ang="0">
                    <a:pos x="46" y="418"/>
                  </a:cxn>
                  <a:cxn ang="0">
                    <a:pos x="35" y="409"/>
                  </a:cxn>
                  <a:cxn ang="0">
                    <a:pos x="51" y="411"/>
                  </a:cxn>
                  <a:cxn ang="0">
                    <a:pos x="42" y="447"/>
                  </a:cxn>
                  <a:cxn ang="0">
                    <a:pos x="37" y="435"/>
                  </a:cxn>
                  <a:cxn ang="0">
                    <a:pos x="51" y="440"/>
                  </a:cxn>
                  <a:cxn ang="0">
                    <a:pos x="41" y="476"/>
                  </a:cxn>
                  <a:cxn ang="0">
                    <a:pos x="41" y="462"/>
                  </a:cxn>
                  <a:cxn ang="0">
                    <a:pos x="51" y="496"/>
                  </a:cxn>
                  <a:cxn ang="0">
                    <a:pos x="37" y="501"/>
                  </a:cxn>
                  <a:cxn ang="0">
                    <a:pos x="42" y="489"/>
                  </a:cxn>
                  <a:cxn ang="0">
                    <a:pos x="51" y="525"/>
                  </a:cxn>
                  <a:cxn ang="0">
                    <a:pos x="35" y="529"/>
                  </a:cxn>
                  <a:cxn ang="0">
                    <a:pos x="46" y="518"/>
                  </a:cxn>
                  <a:cxn ang="0">
                    <a:pos x="49" y="556"/>
                  </a:cxn>
                  <a:cxn ang="0">
                    <a:pos x="35" y="554"/>
                  </a:cxn>
                  <a:cxn ang="0">
                    <a:pos x="47" y="549"/>
                  </a:cxn>
                  <a:cxn ang="0">
                    <a:pos x="47" y="587"/>
                  </a:cxn>
                  <a:cxn ang="0">
                    <a:pos x="35" y="581"/>
                  </a:cxn>
                  <a:cxn ang="0">
                    <a:pos x="49" y="580"/>
                  </a:cxn>
                </a:cxnLst>
                <a:rect l="0" t="0" r="r" b="b"/>
                <a:pathLst>
                  <a:path w="85" h="590">
                    <a:moveTo>
                      <a:pt x="51" y="70"/>
                    </a:moveTo>
                    <a:lnTo>
                      <a:pt x="51" y="70"/>
                    </a:lnTo>
                    <a:lnTo>
                      <a:pt x="49" y="73"/>
                    </a:lnTo>
                    <a:lnTo>
                      <a:pt x="47" y="75"/>
                    </a:lnTo>
                    <a:lnTo>
                      <a:pt x="46" y="77"/>
                    </a:lnTo>
                    <a:lnTo>
                      <a:pt x="42" y="77"/>
                    </a:lnTo>
                    <a:lnTo>
                      <a:pt x="41" y="77"/>
                    </a:lnTo>
                    <a:lnTo>
                      <a:pt x="37" y="75"/>
                    </a:lnTo>
                    <a:lnTo>
                      <a:pt x="35" y="73"/>
                    </a:lnTo>
                    <a:lnTo>
                      <a:pt x="35" y="70"/>
                    </a:lnTo>
                    <a:lnTo>
                      <a:pt x="35" y="68"/>
                    </a:lnTo>
                    <a:lnTo>
                      <a:pt x="37" y="65"/>
                    </a:lnTo>
                    <a:lnTo>
                      <a:pt x="41" y="63"/>
                    </a:lnTo>
                    <a:lnTo>
                      <a:pt x="42" y="63"/>
                    </a:lnTo>
                    <a:lnTo>
                      <a:pt x="46" y="63"/>
                    </a:lnTo>
                    <a:lnTo>
                      <a:pt x="47" y="65"/>
                    </a:lnTo>
                    <a:lnTo>
                      <a:pt x="49" y="68"/>
                    </a:lnTo>
                    <a:lnTo>
                      <a:pt x="51" y="70"/>
                    </a:lnTo>
                    <a:close/>
                    <a:moveTo>
                      <a:pt x="51" y="99"/>
                    </a:moveTo>
                    <a:lnTo>
                      <a:pt x="51" y="99"/>
                    </a:lnTo>
                    <a:lnTo>
                      <a:pt x="49" y="102"/>
                    </a:lnTo>
                    <a:lnTo>
                      <a:pt x="47" y="104"/>
                    </a:lnTo>
                    <a:lnTo>
                      <a:pt x="46" y="106"/>
                    </a:lnTo>
                    <a:lnTo>
                      <a:pt x="42" y="106"/>
                    </a:lnTo>
                    <a:lnTo>
                      <a:pt x="41" y="106"/>
                    </a:lnTo>
                    <a:lnTo>
                      <a:pt x="37" y="104"/>
                    </a:lnTo>
                    <a:lnTo>
                      <a:pt x="35" y="102"/>
                    </a:lnTo>
                    <a:lnTo>
                      <a:pt x="35" y="99"/>
                    </a:lnTo>
                    <a:lnTo>
                      <a:pt x="35" y="96"/>
                    </a:lnTo>
                    <a:lnTo>
                      <a:pt x="37" y="94"/>
                    </a:lnTo>
                    <a:lnTo>
                      <a:pt x="41" y="92"/>
                    </a:lnTo>
                    <a:lnTo>
                      <a:pt x="42" y="92"/>
                    </a:lnTo>
                    <a:lnTo>
                      <a:pt x="46" y="92"/>
                    </a:lnTo>
                    <a:lnTo>
                      <a:pt x="47" y="94"/>
                    </a:lnTo>
                    <a:lnTo>
                      <a:pt x="49" y="96"/>
                    </a:lnTo>
                    <a:lnTo>
                      <a:pt x="51" y="99"/>
                    </a:lnTo>
                    <a:close/>
                    <a:moveTo>
                      <a:pt x="51" y="128"/>
                    </a:moveTo>
                    <a:lnTo>
                      <a:pt x="51" y="128"/>
                    </a:lnTo>
                    <a:lnTo>
                      <a:pt x="49" y="130"/>
                    </a:lnTo>
                    <a:lnTo>
                      <a:pt x="47" y="133"/>
                    </a:lnTo>
                    <a:lnTo>
                      <a:pt x="46" y="133"/>
                    </a:lnTo>
                    <a:lnTo>
                      <a:pt x="42" y="135"/>
                    </a:lnTo>
                    <a:lnTo>
                      <a:pt x="41" y="133"/>
                    </a:lnTo>
                    <a:lnTo>
                      <a:pt x="37" y="133"/>
                    </a:lnTo>
                    <a:lnTo>
                      <a:pt x="35" y="130"/>
                    </a:lnTo>
                    <a:lnTo>
                      <a:pt x="35" y="128"/>
                    </a:lnTo>
                    <a:lnTo>
                      <a:pt x="35" y="125"/>
                    </a:lnTo>
                    <a:lnTo>
                      <a:pt x="37" y="123"/>
                    </a:lnTo>
                    <a:lnTo>
                      <a:pt x="41" y="121"/>
                    </a:lnTo>
                    <a:lnTo>
                      <a:pt x="42" y="119"/>
                    </a:lnTo>
                    <a:lnTo>
                      <a:pt x="46" y="121"/>
                    </a:lnTo>
                    <a:lnTo>
                      <a:pt x="47" y="123"/>
                    </a:lnTo>
                    <a:lnTo>
                      <a:pt x="49" y="125"/>
                    </a:lnTo>
                    <a:lnTo>
                      <a:pt x="51" y="128"/>
                    </a:lnTo>
                    <a:close/>
                    <a:moveTo>
                      <a:pt x="51" y="155"/>
                    </a:moveTo>
                    <a:lnTo>
                      <a:pt x="51" y="155"/>
                    </a:lnTo>
                    <a:lnTo>
                      <a:pt x="49" y="159"/>
                    </a:lnTo>
                    <a:lnTo>
                      <a:pt x="47" y="160"/>
                    </a:lnTo>
                    <a:lnTo>
                      <a:pt x="46" y="162"/>
                    </a:lnTo>
                    <a:lnTo>
                      <a:pt x="42" y="162"/>
                    </a:lnTo>
                    <a:lnTo>
                      <a:pt x="41" y="162"/>
                    </a:lnTo>
                    <a:lnTo>
                      <a:pt x="37" y="160"/>
                    </a:lnTo>
                    <a:lnTo>
                      <a:pt x="35" y="159"/>
                    </a:lnTo>
                    <a:lnTo>
                      <a:pt x="35" y="155"/>
                    </a:lnTo>
                    <a:lnTo>
                      <a:pt x="35" y="154"/>
                    </a:lnTo>
                    <a:lnTo>
                      <a:pt x="37" y="150"/>
                    </a:lnTo>
                    <a:lnTo>
                      <a:pt x="41" y="148"/>
                    </a:lnTo>
                    <a:lnTo>
                      <a:pt x="42" y="148"/>
                    </a:lnTo>
                    <a:lnTo>
                      <a:pt x="46" y="148"/>
                    </a:lnTo>
                    <a:lnTo>
                      <a:pt x="47" y="150"/>
                    </a:lnTo>
                    <a:lnTo>
                      <a:pt x="49" y="154"/>
                    </a:lnTo>
                    <a:lnTo>
                      <a:pt x="51" y="155"/>
                    </a:lnTo>
                    <a:close/>
                    <a:moveTo>
                      <a:pt x="51" y="184"/>
                    </a:moveTo>
                    <a:lnTo>
                      <a:pt x="51" y="184"/>
                    </a:lnTo>
                    <a:lnTo>
                      <a:pt x="49" y="188"/>
                    </a:lnTo>
                    <a:lnTo>
                      <a:pt x="47" y="189"/>
                    </a:lnTo>
                    <a:lnTo>
                      <a:pt x="46" y="191"/>
                    </a:lnTo>
                    <a:lnTo>
                      <a:pt x="42" y="191"/>
                    </a:lnTo>
                    <a:lnTo>
                      <a:pt x="41" y="191"/>
                    </a:lnTo>
                    <a:lnTo>
                      <a:pt x="37" y="189"/>
                    </a:lnTo>
                    <a:lnTo>
                      <a:pt x="35" y="188"/>
                    </a:lnTo>
                    <a:lnTo>
                      <a:pt x="35" y="184"/>
                    </a:lnTo>
                    <a:lnTo>
                      <a:pt x="35" y="181"/>
                    </a:lnTo>
                    <a:lnTo>
                      <a:pt x="37" y="179"/>
                    </a:lnTo>
                    <a:lnTo>
                      <a:pt x="41" y="177"/>
                    </a:lnTo>
                    <a:lnTo>
                      <a:pt x="42" y="177"/>
                    </a:lnTo>
                    <a:lnTo>
                      <a:pt x="46" y="177"/>
                    </a:lnTo>
                    <a:lnTo>
                      <a:pt x="47" y="179"/>
                    </a:lnTo>
                    <a:lnTo>
                      <a:pt x="49" y="181"/>
                    </a:lnTo>
                    <a:lnTo>
                      <a:pt x="51" y="184"/>
                    </a:lnTo>
                    <a:close/>
                    <a:moveTo>
                      <a:pt x="51" y="213"/>
                    </a:moveTo>
                    <a:lnTo>
                      <a:pt x="51" y="213"/>
                    </a:lnTo>
                    <a:lnTo>
                      <a:pt x="49" y="215"/>
                    </a:lnTo>
                    <a:lnTo>
                      <a:pt x="47" y="218"/>
                    </a:lnTo>
                    <a:lnTo>
                      <a:pt x="46" y="218"/>
                    </a:lnTo>
                    <a:lnTo>
                      <a:pt x="42" y="220"/>
                    </a:lnTo>
                    <a:lnTo>
                      <a:pt x="41" y="218"/>
                    </a:lnTo>
                    <a:lnTo>
                      <a:pt x="37" y="218"/>
                    </a:lnTo>
                    <a:lnTo>
                      <a:pt x="35" y="215"/>
                    </a:lnTo>
                    <a:lnTo>
                      <a:pt x="35" y="213"/>
                    </a:lnTo>
                    <a:lnTo>
                      <a:pt x="35" y="210"/>
                    </a:lnTo>
                    <a:lnTo>
                      <a:pt x="37" y="208"/>
                    </a:lnTo>
                    <a:lnTo>
                      <a:pt x="41" y="206"/>
                    </a:lnTo>
                    <a:lnTo>
                      <a:pt x="42" y="205"/>
                    </a:lnTo>
                    <a:lnTo>
                      <a:pt x="46" y="206"/>
                    </a:lnTo>
                    <a:lnTo>
                      <a:pt x="47" y="208"/>
                    </a:lnTo>
                    <a:lnTo>
                      <a:pt x="49" y="210"/>
                    </a:lnTo>
                    <a:lnTo>
                      <a:pt x="51" y="213"/>
                    </a:lnTo>
                    <a:close/>
                    <a:moveTo>
                      <a:pt x="51" y="240"/>
                    </a:moveTo>
                    <a:lnTo>
                      <a:pt x="51" y="240"/>
                    </a:lnTo>
                    <a:lnTo>
                      <a:pt x="49" y="244"/>
                    </a:lnTo>
                    <a:lnTo>
                      <a:pt x="47" y="246"/>
                    </a:lnTo>
                    <a:lnTo>
                      <a:pt x="46" y="247"/>
                    </a:lnTo>
                    <a:lnTo>
                      <a:pt x="42" y="249"/>
                    </a:lnTo>
                    <a:lnTo>
                      <a:pt x="41" y="247"/>
                    </a:lnTo>
                    <a:lnTo>
                      <a:pt x="37" y="246"/>
                    </a:lnTo>
                    <a:lnTo>
                      <a:pt x="35" y="244"/>
                    </a:lnTo>
                    <a:lnTo>
                      <a:pt x="35" y="240"/>
                    </a:lnTo>
                    <a:lnTo>
                      <a:pt x="35" y="239"/>
                    </a:lnTo>
                    <a:lnTo>
                      <a:pt x="37" y="235"/>
                    </a:lnTo>
                    <a:lnTo>
                      <a:pt x="41" y="234"/>
                    </a:lnTo>
                    <a:lnTo>
                      <a:pt x="42" y="234"/>
                    </a:lnTo>
                    <a:lnTo>
                      <a:pt x="46" y="234"/>
                    </a:lnTo>
                    <a:lnTo>
                      <a:pt x="47" y="235"/>
                    </a:lnTo>
                    <a:lnTo>
                      <a:pt x="49" y="239"/>
                    </a:lnTo>
                    <a:lnTo>
                      <a:pt x="51" y="240"/>
                    </a:lnTo>
                    <a:close/>
                    <a:moveTo>
                      <a:pt x="51" y="269"/>
                    </a:moveTo>
                    <a:lnTo>
                      <a:pt x="51" y="269"/>
                    </a:lnTo>
                    <a:lnTo>
                      <a:pt x="49" y="273"/>
                    </a:lnTo>
                    <a:lnTo>
                      <a:pt x="47" y="275"/>
                    </a:lnTo>
                    <a:lnTo>
                      <a:pt x="46" y="276"/>
                    </a:lnTo>
                    <a:lnTo>
                      <a:pt x="42" y="276"/>
                    </a:lnTo>
                    <a:lnTo>
                      <a:pt x="41" y="276"/>
                    </a:lnTo>
                    <a:lnTo>
                      <a:pt x="37" y="275"/>
                    </a:lnTo>
                    <a:lnTo>
                      <a:pt x="35" y="273"/>
                    </a:lnTo>
                    <a:lnTo>
                      <a:pt x="35" y="269"/>
                    </a:lnTo>
                    <a:lnTo>
                      <a:pt x="35" y="266"/>
                    </a:lnTo>
                    <a:lnTo>
                      <a:pt x="37" y="264"/>
                    </a:lnTo>
                    <a:lnTo>
                      <a:pt x="41" y="263"/>
                    </a:lnTo>
                    <a:lnTo>
                      <a:pt x="42" y="263"/>
                    </a:lnTo>
                    <a:lnTo>
                      <a:pt x="46" y="263"/>
                    </a:lnTo>
                    <a:lnTo>
                      <a:pt x="47" y="264"/>
                    </a:lnTo>
                    <a:lnTo>
                      <a:pt x="49" y="266"/>
                    </a:lnTo>
                    <a:lnTo>
                      <a:pt x="51" y="269"/>
                    </a:lnTo>
                    <a:close/>
                    <a:moveTo>
                      <a:pt x="51" y="298"/>
                    </a:moveTo>
                    <a:lnTo>
                      <a:pt x="51" y="298"/>
                    </a:lnTo>
                    <a:lnTo>
                      <a:pt x="49" y="300"/>
                    </a:lnTo>
                    <a:lnTo>
                      <a:pt x="47" y="304"/>
                    </a:lnTo>
                    <a:lnTo>
                      <a:pt x="46" y="304"/>
                    </a:lnTo>
                    <a:lnTo>
                      <a:pt x="42" y="305"/>
                    </a:lnTo>
                    <a:lnTo>
                      <a:pt x="41" y="304"/>
                    </a:lnTo>
                    <a:lnTo>
                      <a:pt x="37" y="304"/>
                    </a:lnTo>
                    <a:lnTo>
                      <a:pt x="35" y="300"/>
                    </a:lnTo>
                    <a:lnTo>
                      <a:pt x="35" y="298"/>
                    </a:lnTo>
                    <a:lnTo>
                      <a:pt x="35" y="295"/>
                    </a:lnTo>
                    <a:lnTo>
                      <a:pt x="37" y="293"/>
                    </a:lnTo>
                    <a:lnTo>
                      <a:pt x="41" y="292"/>
                    </a:lnTo>
                    <a:lnTo>
                      <a:pt x="42" y="292"/>
                    </a:lnTo>
                    <a:lnTo>
                      <a:pt x="46" y="292"/>
                    </a:lnTo>
                    <a:lnTo>
                      <a:pt x="47" y="293"/>
                    </a:lnTo>
                    <a:lnTo>
                      <a:pt x="49" y="295"/>
                    </a:lnTo>
                    <a:lnTo>
                      <a:pt x="51" y="298"/>
                    </a:lnTo>
                    <a:close/>
                    <a:moveTo>
                      <a:pt x="51" y="326"/>
                    </a:moveTo>
                    <a:lnTo>
                      <a:pt x="51" y="326"/>
                    </a:lnTo>
                    <a:lnTo>
                      <a:pt x="49" y="329"/>
                    </a:lnTo>
                    <a:lnTo>
                      <a:pt x="47" y="331"/>
                    </a:lnTo>
                    <a:lnTo>
                      <a:pt x="46" y="333"/>
                    </a:lnTo>
                    <a:lnTo>
                      <a:pt x="42" y="334"/>
                    </a:lnTo>
                    <a:lnTo>
                      <a:pt x="41" y="333"/>
                    </a:lnTo>
                    <a:lnTo>
                      <a:pt x="37" y="331"/>
                    </a:lnTo>
                    <a:lnTo>
                      <a:pt x="35" y="329"/>
                    </a:lnTo>
                    <a:lnTo>
                      <a:pt x="35" y="326"/>
                    </a:lnTo>
                    <a:lnTo>
                      <a:pt x="35" y="324"/>
                    </a:lnTo>
                    <a:lnTo>
                      <a:pt x="37" y="321"/>
                    </a:lnTo>
                    <a:lnTo>
                      <a:pt x="41" y="319"/>
                    </a:lnTo>
                    <a:lnTo>
                      <a:pt x="42" y="319"/>
                    </a:lnTo>
                    <a:lnTo>
                      <a:pt x="46" y="319"/>
                    </a:lnTo>
                    <a:lnTo>
                      <a:pt x="47" y="321"/>
                    </a:lnTo>
                    <a:lnTo>
                      <a:pt x="49" y="324"/>
                    </a:lnTo>
                    <a:lnTo>
                      <a:pt x="51" y="326"/>
                    </a:lnTo>
                    <a:close/>
                    <a:moveTo>
                      <a:pt x="51" y="355"/>
                    </a:moveTo>
                    <a:lnTo>
                      <a:pt x="51" y="355"/>
                    </a:lnTo>
                    <a:lnTo>
                      <a:pt x="49" y="358"/>
                    </a:lnTo>
                    <a:lnTo>
                      <a:pt x="47" y="360"/>
                    </a:lnTo>
                    <a:lnTo>
                      <a:pt x="46" y="362"/>
                    </a:lnTo>
                    <a:lnTo>
                      <a:pt x="42" y="362"/>
                    </a:lnTo>
                    <a:lnTo>
                      <a:pt x="41" y="362"/>
                    </a:lnTo>
                    <a:lnTo>
                      <a:pt x="37" y="360"/>
                    </a:lnTo>
                    <a:lnTo>
                      <a:pt x="35" y="358"/>
                    </a:lnTo>
                    <a:lnTo>
                      <a:pt x="35" y="355"/>
                    </a:lnTo>
                    <a:lnTo>
                      <a:pt x="35" y="351"/>
                    </a:lnTo>
                    <a:lnTo>
                      <a:pt x="37" y="350"/>
                    </a:lnTo>
                    <a:lnTo>
                      <a:pt x="41" y="348"/>
                    </a:lnTo>
                    <a:lnTo>
                      <a:pt x="42" y="348"/>
                    </a:lnTo>
                    <a:lnTo>
                      <a:pt x="46" y="348"/>
                    </a:lnTo>
                    <a:lnTo>
                      <a:pt x="47" y="350"/>
                    </a:lnTo>
                    <a:lnTo>
                      <a:pt x="49" y="351"/>
                    </a:lnTo>
                    <a:lnTo>
                      <a:pt x="51" y="355"/>
                    </a:lnTo>
                    <a:close/>
                    <a:moveTo>
                      <a:pt x="51" y="384"/>
                    </a:moveTo>
                    <a:lnTo>
                      <a:pt x="51" y="384"/>
                    </a:lnTo>
                    <a:lnTo>
                      <a:pt x="49" y="385"/>
                    </a:lnTo>
                    <a:lnTo>
                      <a:pt x="47" y="389"/>
                    </a:lnTo>
                    <a:lnTo>
                      <a:pt x="46" y="391"/>
                    </a:lnTo>
                    <a:lnTo>
                      <a:pt x="42" y="391"/>
                    </a:lnTo>
                    <a:lnTo>
                      <a:pt x="41" y="391"/>
                    </a:lnTo>
                    <a:lnTo>
                      <a:pt x="37" y="389"/>
                    </a:lnTo>
                    <a:lnTo>
                      <a:pt x="35" y="385"/>
                    </a:lnTo>
                    <a:lnTo>
                      <a:pt x="35" y="384"/>
                    </a:lnTo>
                    <a:lnTo>
                      <a:pt x="35" y="380"/>
                    </a:lnTo>
                    <a:lnTo>
                      <a:pt x="37" y="379"/>
                    </a:lnTo>
                    <a:lnTo>
                      <a:pt x="41" y="377"/>
                    </a:lnTo>
                    <a:lnTo>
                      <a:pt x="42" y="377"/>
                    </a:lnTo>
                    <a:lnTo>
                      <a:pt x="46" y="377"/>
                    </a:lnTo>
                    <a:lnTo>
                      <a:pt x="47" y="379"/>
                    </a:lnTo>
                    <a:lnTo>
                      <a:pt x="49" y="380"/>
                    </a:lnTo>
                    <a:lnTo>
                      <a:pt x="51" y="384"/>
                    </a:lnTo>
                    <a:close/>
                    <a:moveTo>
                      <a:pt x="51" y="411"/>
                    </a:moveTo>
                    <a:lnTo>
                      <a:pt x="51" y="411"/>
                    </a:lnTo>
                    <a:lnTo>
                      <a:pt x="49" y="414"/>
                    </a:lnTo>
                    <a:lnTo>
                      <a:pt x="47" y="416"/>
                    </a:lnTo>
                    <a:lnTo>
                      <a:pt x="46" y="418"/>
                    </a:lnTo>
                    <a:lnTo>
                      <a:pt x="42" y="419"/>
                    </a:lnTo>
                    <a:lnTo>
                      <a:pt x="41" y="418"/>
                    </a:lnTo>
                    <a:lnTo>
                      <a:pt x="37" y="416"/>
                    </a:lnTo>
                    <a:lnTo>
                      <a:pt x="35" y="414"/>
                    </a:lnTo>
                    <a:lnTo>
                      <a:pt x="35" y="411"/>
                    </a:lnTo>
                    <a:lnTo>
                      <a:pt x="35" y="409"/>
                    </a:lnTo>
                    <a:lnTo>
                      <a:pt x="37" y="406"/>
                    </a:lnTo>
                    <a:lnTo>
                      <a:pt x="41" y="404"/>
                    </a:lnTo>
                    <a:lnTo>
                      <a:pt x="42" y="404"/>
                    </a:lnTo>
                    <a:lnTo>
                      <a:pt x="46" y="404"/>
                    </a:lnTo>
                    <a:lnTo>
                      <a:pt x="47" y="406"/>
                    </a:lnTo>
                    <a:lnTo>
                      <a:pt x="49" y="409"/>
                    </a:lnTo>
                    <a:lnTo>
                      <a:pt x="51" y="411"/>
                    </a:lnTo>
                    <a:close/>
                    <a:moveTo>
                      <a:pt x="51" y="440"/>
                    </a:moveTo>
                    <a:lnTo>
                      <a:pt x="51" y="440"/>
                    </a:lnTo>
                    <a:lnTo>
                      <a:pt x="49" y="443"/>
                    </a:lnTo>
                    <a:lnTo>
                      <a:pt x="47" y="445"/>
                    </a:lnTo>
                    <a:lnTo>
                      <a:pt x="46" y="447"/>
                    </a:lnTo>
                    <a:lnTo>
                      <a:pt x="42" y="447"/>
                    </a:lnTo>
                    <a:lnTo>
                      <a:pt x="41" y="447"/>
                    </a:lnTo>
                    <a:lnTo>
                      <a:pt x="37" y="445"/>
                    </a:lnTo>
                    <a:lnTo>
                      <a:pt x="35" y="443"/>
                    </a:lnTo>
                    <a:lnTo>
                      <a:pt x="35" y="440"/>
                    </a:lnTo>
                    <a:lnTo>
                      <a:pt x="35" y="437"/>
                    </a:lnTo>
                    <a:lnTo>
                      <a:pt x="37" y="435"/>
                    </a:lnTo>
                    <a:lnTo>
                      <a:pt x="41" y="433"/>
                    </a:lnTo>
                    <a:lnTo>
                      <a:pt x="42" y="433"/>
                    </a:lnTo>
                    <a:lnTo>
                      <a:pt x="46" y="433"/>
                    </a:lnTo>
                    <a:lnTo>
                      <a:pt x="47" y="435"/>
                    </a:lnTo>
                    <a:lnTo>
                      <a:pt x="49" y="437"/>
                    </a:lnTo>
                    <a:lnTo>
                      <a:pt x="51" y="440"/>
                    </a:lnTo>
                    <a:close/>
                    <a:moveTo>
                      <a:pt x="51" y="469"/>
                    </a:moveTo>
                    <a:lnTo>
                      <a:pt x="51" y="469"/>
                    </a:lnTo>
                    <a:lnTo>
                      <a:pt x="49" y="471"/>
                    </a:lnTo>
                    <a:lnTo>
                      <a:pt x="47" y="474"/>
                    </a:lnTo>
                    <a:lnTo>
                      <a:pt x="46" y="476"/>
                    </a:lnTo>
                    <a:lnTo>
                      <a:pt x="42" y="476"/>
                    </a:lnTo>
                    <a:lnTo>
                      <a:pt x="41" y="476"/>
                    </a:lnTo>
                    <a:lnTo>
                      <a:pt x="37" y="474"/>
                    </a:lnTo>
                    <a:lnTo>
                      <a:pt x="35" y="471"/>
                    </a:lnTo>
                    <a:lnTo>
                      <a:pt x="35" y="469"/>
                    </a:lnTo>
                    <a:lnTo>
                      <a:pt x="35" y="466"/>
                    </a:lnTo>
                    <a:lnTo>
                      <a:pt x="37" y="464"/>
                    </a:lnTo>
                    <a:lnTo>
                      <a:pt x="41" y="462"/>
                    </a:lnTo>
                    <a:lnTo>
                      <a:pt x="42" y="462"/>
                    </a:lnTo>
                    <a:lnTo>
                      <a:pt x="46" y="462"/>
                    </a:lnTo>
                    <a:lnTo>
                      <a:pt x="47" y="464"/>
                    </a:lnTo>
                    <a:lnTo>
                      <a:pt x="49" y="466"/>
                    </a:lnTo>
                    <a:lnTo>
                      <a:pt x="51" y="469"/>
                    </a:lnTo>
                    <a:close/>
                    <a:moveTo>
                      <a:pt x="51" y="496"/>
                    </a:moveTo>
                    <a:lnTo>
                      <a:pt x="51" y="496"/>
                    </a:lnTo>
                    <a:lnTo>
                      <a:pt x="49" y="500"/>
                    </a:lnTo>
                    <a:lnTo>
                      <a:pt x="47" y="501"/>
                    </a:lnTo>
                    <a:lnTo>
                      <a:pt x="46" y="503"/>
                    </a:lnTo>
                    <a:lnTo>
                      <a:pt x="42" y="505"/>
                    </a:lnTo>
                    <a:lnTo>
                      <a:pt x="41" y="503"/>
                    </a:lnTo>
                    <a:lnTo>
                      <a:pt x="37" y="501"/>
                    </a:lnTo>
                    <a:lnTo>
                      <a:pt x="35" y="500"/>
                    </a:lnTo>
                    <a:lnTo>
                      <a:pt x="35" y="496"/>
                    </a:lnTo>
                    <a:lnTo>
                      <a:pt x="35" y="495"/>
                    </a:lnTo>
                    <a:lnTo>
                      <a:pt x="37" y="491"/>
                    </a:lnTo>
                    <a:lnTo>
                      <a:pt x="41" y="489"/>
                    </a:lnTo>
                    <a:lnTo>
                      <a:pt x="42" y="489"/>
                    </a:lnTo>
                    <a:lnTo>
                      <a:pt x="46" y="489"/>
                    </a:lnTo>
                    <a:lnTo>
                      <a:pt x="47" y="491"/>
                    </a:lnTo>
                    <a:lnTo>
                      <a:pt x="49" y="495"/>
                    </a:lnTo>
                    <a:lnTo>
                      <a:pt x="51" y="496"/>
                    </a:lnTo>
                    <a:close/>
                    <a:moveTo>
                      <a:pt x="51" y="525"/>
                    </a:moveTo>
                    <a:lnTo>
                      <a:pt x="51" y="525"/>
                    </a:lnTo>
                    <a:lnTo>
                      <a:pt x="49" y="529"/>
                    </a:lnTo>
                    <a:lnTo>
                      <a:pt x="47" y="530"/>
                    </a:lnTo>
                    <a:lnTo>
                      <a:pt x="46" y="532"/>
                    </a:lnTo>
                    <a:lnTo>
                      <a:pt x="42" y="532"/>
                    </a:lnTo>
                    <a:lnTo>
                      <a:pt x="41" y="532"/>
                    </a:lnTo>
                    <a:lnTo>
                      <a:pt x="37" y="530"/>
                    </a:lnTo>
                    <a:lnTo>
                      <a:pt x="35" y="529"/>
                    </a:lnTo>
                    <a:lnTo>
                      <a:pt x="35" y="525"/>
                    </a:lnTo>
                    <a:lnTo>
                      <a:pt x="35" y="522"/>
                    </a:lnTo>
                    <a:lnTo>
                      <a:pt x="37" y="520"/>
                    </a:lnTo>
                    <a:lnTo>
                      <a:pt x="41" y="518"/>
                    </a:lnTo>
                    <a:lnTo>
                      <a:pt x="42" y="518"/>
                    </a:lnTo>
                    <a:lnTo>
                      <a:pt x="46" y="518"/>
                    </a:lnTo>
                    <a:lnTo>
                      <a:pt x="47" y="520"/>
                    </a:lnTo>
                    <a:lnTo>
                      <a:pt x="49" y="522"/>
                    </a:lnTo>
                    <a:lnTo>
                      <a:pt x="51" y="525"/>
                    </a:lnTo>
                    <a:close/>
                    <a:moveTo>
                      <a:pt x="51" y="554"/>
                    </a:moveTo>
                    <a:lnTo>
                      <a:pt x="51" y="554"/>
                    </a:lnTo>
                    <a:lnTo>
                      <a:pt x="49" y="556"/>
                    </a:lnTo>
                    <a:lnTo>
                      <a:pt x="47" y="559"/>
                    </a:lnTo>
                    <a:lnTo>
                      <a:pt x="46" y="561"/>
                    </a:lnTo>
                    <a:lnTo>
                      <a:pt x="42" y="561"/>
                    </a:lnTo>
                    <a:lnTo>
                      <a:pt x="41" y="561"/>
                    </a:lnTo>
                    <a:lnTo>
                      <a:pt x="37" y="559"/>
                    </a:lnTo>
                    <a:lnTo>
                      <a:pt x="35" y="556"/>
                    </a:lnTo>
                    <a:lnTo>
                      <a:pt x="35" y="554"/>
                    </a:lnTo>
                    <a:lnTo>
                      <a:pt x="35" y="551"/>
                    </a:lnTo>
                    <a:lnTo>
                      <a:pt x="37" y="549"/>
                    </a:lnTo>
                    <a:lnTo>
                      <a:pt x="41" y="547"/>
                    </a:lnTo>
                    <a:lnTo>
                      <a:pt x="42" y="547"/>
                    </a:lnTo>
                    <a:lnTo>
                      <a:pt x="46" y="547"/>
                    </a:lnTo>
                    <a:lnTo>
                      <a:pt x="47" y="549"/>
                    </a:lnTo>
                    <a:lnTo>
                      <a:pt x="49" y="551"/>
                    </a:lnTo>
                    <a:lnTo>
                      <a:pt x="51" y="554"/>
                    </a:lnTo>
                    <a:close/>
                    <a:moveTo>
                      <a:pt x="51" y="581"/>
                    </a:moveTo>
                    <a:lnTo>
                      <a:pt x="51" y="581"/>
                    </a:lnTo>
                    <a:lnTo>
                      <a:pt x="49" y="585"/>
                    </a:lnTo>
                    <a:lnTo>
                      <a:pt x="47" y="587"/>
                    </a:lnTo>
                    <a:lnTo>
                      <a:pt x="46" y="588"/>
                    </a:lnTo>
                    <a:lnTo>
                      <a:pt x="42" y="590"/>
                    </a:lnTo>
                    <a:lnTo>
                      <a:pt x="41" y="588"/>
                    </a:lnTo>
                    <a:lnTo>
                      <a:pt x="37" y="587"/>
                    </a:lnTo>
                    <a:lnTo>
                      <a:pt x="35" y="585"/>
                    </a:lnTo>
                    <a:lnTo>
                      <a:pt x="35" y="581"/>
                    </a:lnTo>
                    <a:lnTo>
                      <a:pt x="35" y="580"/>
                    </a:lnTo>
                    <a:lnTo>
                      <a:pt x="37" y="576"/>
                    </a:lnTo>
                    <a:lnTo>
                      <a:pt x="41" y="576"/>
                    </a:lnTo>
                    <a:lnTo>
                      <a:pt x="42" y="575"/>
                    </a:lnTo>
                    <a:lnTo>
                      <a:pt x="46" y="576"/>
                    </a:lnTo>
                    <a:lnTo>
                      <a:pt x="47" y="576"/>
                    </a:lnTo>
                    <a:lnTo>
                      <a:pt x="49" y="580"/>
                    </a:lnTo>
                    <a:lnTo>
                      <a:pt x="51" y="581"/>
                    </a:lnTo>
                    <a:close/>
                    <a:moveTo>
                      <a:pt x="0" y="85"/>
                    </a:moveTo>
                    <a:lnTo>
                      <a:pt x="42" y="0"/>
                    </a:lnTo>
                    <a:lnTo>
                      <a:pt x="85" y="85"/>
                    </a:lnTo>
                    <a:lnTo>
                      <a:pt x="0"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5" name="Freeform 1257"/>
              <p:cNvSpPr>
                <a:spLocks noEditPoints="1"/>
              </p:cNvSpPr>
              <p:nvPr/>
            </p:nvSpPr>
            <p:spPr bwMode="auto">
              <a:xfrm>
                <a:off x="5772011" y="5325820"/>
                <a:ext cx="1022055" cy="81725"/>
              </a:xfrm>
              <a:custGeom>
                <a:avLst/>
                <a:gdLst/>
                <a:ahLst/>
                <a:cxnLst>
                  <a:cxn ang="0">
                    <a:pos x="6" y="49"/>
                  </a:cxn>
                  <a:cxn ang="0">
                    <a:pos x="41" y="37"/>
                  </a:cxn>
                  <a:cxn ang="0">
                    <a:pos x="29" y="39"/>
                  </a:cxn>
                  <a:cxn ang="0">
                    <a:pos x="70" y="47"/>
                  </a:cxn>
                  <a:cxn ang="0">
                    <a:pos x="65" y="35"/>
                  </a:cxn>
                  <a:cxn ang="0">
                    <a:pos x="91" y="49"/>
                  </a:cxn>
                  <a:cxn ang="0">
                    <a:pos x="127" y="37"/>
                  </a:cxn>
                  <a:cxn ang="0">
                    <a:pos x="115" y="39"/>
                  </a:cxn>
                  <a:cxn ang="0">
                    <a:pos x="156" y="47"/>
                  </a:cxn>
                  <a:cxn ang="0">
                    <a:pos x="150" y="35"/>
                  </a:cxn>
                  <a:cxn ang="0">
                    <a:pos x="176" y="49"/>
                  </a:cxn>
                  <a:cxn ang="0">
                    <a:pos x="212" y="37"/>
                  </a:cxn>
                  <a:cxn ang="0">
                    <a:pos x="200" y="39"/>
                  </a:cxn>
                  <a:cxn ang="0">
                    <a:pos x="241" y="47"/>
                  </a:cxn>
                  <a:cxn ang="0">
                    <a:pos x="236" y="35"/>
                  </a:cxn>
                  <a:cxn ang="0">
                    <a:pos x="261" y="49"/>
                  </a:cxn>
                  <a:cxn ang="0">
                    <a:pos x="297" y="37"/>
                  </a:cxn>
                  <a:cxn ang="0">
                    <a:pos x="285" y="39"/>
                  </a:cxn>
                  <a:cxn ang="0">
                    <a:pos x="326" y="47"/>
                  </a:cxn>
                  <a:cxn ang="0">
                    <a:pos x="321" y="35"/>
                  </a:cxn>
                  <a:cxn ang="0">
                    <a:pos x="346" y="49"/>
                  </a:cxn>
                  <a:cxn ang="0">
                    <a:pos x="382" y="37"/>
                  </a:cxn>
                  <a:cxn ang="0">
                    <a:pos x="370" y="39"/>
                  </a:cxn>
                  <a:cxn ang="0">
                    <a:pos x="411" y="47"/>
                  </a:cxn>
                  <a:cxn ang="0">
                    <a:pos x="406" y="35"/>
                  </a:cxn>
                  <a:cxn ang="0">
                    <a:pos x="432" y="49"/>
                  </a:cxn>
                  <a:cxn ang="0">
                    <a:pos x="467" y="37"/>
                  </a:cxn>
                  <a:cxn ang="0">
                    <a:pos x="456" y="39"/>
                  </a:cxn>
                  <a:cxn ang="0">
                    <a:pos x="496" y="47"/>
                  </a:cxn>
                  <a:cxn ang="0">
                    <a:pos x="491" y="35"/>
                  </a:cxn>
                  <a:cxn ang="0">
                    <a:pos x="517" y="49"/>
                  </a:cxn>
                  <a:cxn ang="0">
                    <a:pos x="553" y="37"/>
                  </a:cxn>
                  <a:cxn ang="0">
                    <a:pos x="541" y="39"/>
                  </a:cxn>
                  <a:cxn ang="0">
                    <a:pos x="582" y="47"/>
                  </a:cxn>
                  <a:cxn ang="0">
                    <a:pos x="577" y="35"/>
                  </a:cxn>
                  <a:cxn ang="0">
                    <a:pos x="602" y="49"/>
                  </a:cxn>
                  <a:cxn ang="0">
                    <a:pos x="638" y="37"/>
                  </a:cxn>
                  <a:cxn ang="0">
                    <a:pos x="626" y="39"/>
                  </a:cxn>
                  <a:cxn ang="0">
                    <a:pos x="667" y="47"/>
                  </a:cxn>
                  <a:cxn ang="0">
                    <a:pos x="662" y="35"/>
                  </a:cxn>
                  <a:cxn ang="0">
                    <a:pos x="687" y="49"/>
                  </a:cxn>
                  <a:cxn ang="0">
                    <a:pos x="723" y="37"/>
                  </a:cxn>
                  <a:cxn ang="0">
                    <a:pos x="711" y="39"/>
                  </a:cxn>
                  <a:cxn ang="0">
                    <a:pos x="752" y="47"/>
                  </a:cxn>
                  <a:cxn ang="0">
                    <a:pos x="747" y="35"/>
                  </a:cxn>
                  <a:cxn ang="0">
                    <a:pos x="773" y="49"/>
                  </a:cxn>
                  <a:cxn ang="0">
                    <a:pos x="808" y="37"/>
                  </a:cxn>
                  <a:cxn ang="0">
                    <a:pos x="796" y="39"/>
                  </a:cxn>
                  <a:cxn ang="0">
                    <a:pos x="837" y="47"/>
                  </a:cxn>
                  <a:cxn ang="0">
                    <a:pos x="832" y="35"/>
                  </a:cxn>
                  <a:cxn ang="0">
                    <a:pos x="858" y="49"/>
                  </a:cxn>
                  <a:cxn ang="0">
                    <a:pos x="894" y="37"/>
                  </a:cxn>
                  <a:cxn ang="0">
                    <a:pos x="883" y="39"/>
                  </a:cxn>
                  <a:cxn ang="0">
                    <a:pos x="923" y="47"/>
                  </a:cxn>
                  <a:cxn ang="0">
                    <a:pos x="918" y="35"/>
                  </a:cxn>
                  <a:cxn ang="0">
                    <a:pos x="943" y="49"/>
                  </a:cxn>
                  <a:cxn ang="0">
                    <a:pos x="979" y="37"/>
                  </a:cxn>
                  <a:cxn ang="0">
                    <a:pos x="969" y="39"/>
                  </a:cxn>
                </a:cxnLst>
                <a:rect l="0" t="0" r="r" b="b"/>
                <a:pathLst>
                  <a:path w="1062" h="85">
                    <a:moveTo>
                      <a:pt x="7" y="35"/>
                    </a:moveTo>
                    <a:lnTo>
                      <a:pt x="9" y="35"/>
                    </a:lnTo>
                    <a:lnTo>
                      <a:pt x="11" y="35"/>
                    </a:lnTo>
                    <a:lnTo>
                      <a:pt x="12" y="37"/>
                    </a:lnTo>
                    <a:lnTo>
                      <a:pt x="14" y="39"/>
                    </a:lnTo>
                    <a:lnTo>
                      <a:pt x="16" y="42"/>
                    </a:lnTo>
                    <a:lnTo>
                      <a:pt x="14" y="46"/>
                    </a:lnTo>
                    <a:lnTo>
                      <a:pt x="12" y="47"/>
                    </a:lnTo>
                    <a:lnTo>
                      <a:pt x="11" y="49"/>
                    </a:lnTo>
                    <a:lnTo>
                      <a:pt x="9" y="49"/>
                    </a:lnTo>
                    <a:lnTo>
                      <a:pt x="7" y="49"/>
                    </a:lnTo>
                    <a:lnTo>
                      <a:pt x="6" y="49"/>
                    </a:lnTo>
                    <a:lnTo>
                      <a:pt x="2" y="47"/>
                    </a:lnTo>
                    <a:lnTo>
                      <a:pt x="2" y="46"/>
                    </a:lnTo>
                    <a:lnTo>
                      <a:pt x="0" y="42"/>
                    </a:lnTo>
                    <a:lnTo>
                      <a:pt x="2" y="39"/>
                    </a:lnTo>
                    <a:lnTo>
                      <a:pt x="2" y="37"/>
                    </a:lnTo>
                    <a:lnTo>
                      <a:pt x="6" y="35"/>
                    </a:lnTo>
                    <a:lnTo>
                      <a:pt x="7" y="35"/>
                    </a:lnTo>
                    <a:close/>
                    <a:moveTo>
                      <a:pt x="36" y="35"/>
                    </a:moveTo>
                    <a:lnTo>
                      <a:pt x="36" y="35"/>
                    </a:lnTo>
                    <a:lnTo>
                      <a:pt x="40" y="35"/>
                    </a:lnTo>
                    <a:lnTo>
                      <a:pt x="41" y="37"/>
                    </a:lnTo>
                    <a:lnTo>
                      <a:pt x="43" y="39"/>
                    </a:lnTo>
                    <a:lnTo>
                      <a:pt x="43" y="42"/>
                    </a:lnTo>
                    <a:lnTo>
                      <a:pt x="43" y="46"/>
                    </a:lnTo>
                    <a:lnTo>
                      <a:pt x="41" y="47"/>
                    </a:lnTo>
                    <a:lnTo>
                      <a:pt x="40" y="49"/>
                    </a:lnTo>
                    <a:lnTo>
                      <a:pt x="36" y="49"/>
                    </a:lnTo>
                    <a:lnTo>
                      <a:pt x="33" y="49"/>
                    </a:lnTo>
                    <a:lnTo>
                      <a:pt x="31" y="47"/>
                    </a:lnTo>
                    <a:lnTo>
                      <a:pt x="29" y="46"/>
                    </a:lnTo>
                    <a:lnTo>
                      <a:pt x="29" y="42"/>
                    </a:lnTo>
                    <a:lnTo>
                      <a:pt x="29" y="39"/>
                    </a:lnTo>
                    <a:lnTo>
                      <a:pt x="31" y="37"/>
                    </a:lnTo>
                    <a:lnTo>
                      <a:pt x="33" y="35"/>
                    </a:lnTo>
                    <a:lnTo>
                      <a:pt x="36" y="35"/>
                    </a:lnTo>
                    <a:close/>
                    <a:moveTo>
                      <a:pt x="65" y="35"/>
                    </a:moveTo>
                    <a:lnTo>
                      <a:pt x="65" y="35"/>
                    </a:lnTo>
                    <a:lnTo>
                      <a:pt x="67" y="35"/>
                    </a:lnTo>
                    <a:lnTo>
                      <a:pt x="70" y="37"/>
                    </a:lnTo>
                    <a:lnTo>
                      <a:pt x="72" y="39"/>
                    </a:lnTo>
                    <a:lnTo>
                      <a:pt x="72" y="42"/>
                    </a:lnTo>
                    <a:lnTo>
                      <a:pt x="72" y="46"/>
                    </a:lnTo>
                    <a:lnTo>
                      <a:pt x="70" y="47"/>
                    </a:lnTo>
                    <a:lnTo>
                      <a:pt x="67" y="49"/>
                    </a:lnTo>
                    <a:lnTo>
                      <a:pt x="65" y="49"/>
                    </a:lnTo>
                    <a:lnTo>
                      <a:pt x="62" y="49"/>
                    </a:lnTo>
                    <a:lnTo>
                      <a:pt x="60" y="47"/>
                    </a:lnTo>
                    <a:lnTo>
                      <a:pt x="58" y="46"/>
                    </a:lnTo>
                    <a:lnTo>
                      <a:pt x="58" y="42"/>
                    </a:lnTo>
                    <a:lnTo>
                      <a:pt x="58" y="39"/>
                    </a:lnTo>
                    <a:lnTo>
                      <a:pt x="60" y="37"/>
                    </a:lnTo>
                    <a:lnTo>
                      <a:pt x="62" y="35"/>
                    </a:lnTo>
                    <a:lnTo>
                      <a:pt x="65" y="35"/>
                    </a:lnTo>
                    <a:close/>
                    <a:moveTo>
                      <a:pt x="94" y="35"/>
                    </a:moveTo>
                    <a:lnTo>
                      <a:pt x="94" y="35"/>
                    </a:lnTo>
                    <a:lnTo>
                      <a:pt x="96" y="35"/>
                    </a:lnTo>
                    <a:lnTo>
                      <a:pt x="98" y="37"/>
                    </a:lnTo>
                    <a:lnTo>
                      <a:pt x="99" y="39"/>
                    </a:lnTo>
                    <a:lnTo>
                      <a:pt x="101" y="42"/>
                    </a:lnTo>
                    <a:lnTo>
                      <a:pt x="99" y="46"/>
                    </a:lnTo>
                    <a:lnTo>
                      <a:pt x="98" y="47"/>
                    </a:lnTo>
                    <a:lnTo>
                      <a:pt x="96" y="49"/>
                    </a:lnTo>
                    <a:lnTo>
                      <a:pt x="94" y="49"/>
                    </a:lnTo>
                    <a:lnTo>
                      <a:pt x="91" y="49"/>
                    </a:lnTo>
                    <a:lnTo>
                      <a:pt x="87" y="47"/>
                    </a:lnTo>
                    <a:lnTo>
                      <a:pt x="87" y="46"/>
                    </a:lnTo>
                    <a:lnTo>
                      <a:pt x="86" y="42"/>
                    </a:lnTo>
                    <a:lnTo>
                      <a:pt x="87" y="39"/>
                    </a:lnTo>
                    <a:lnTo>
                      <a:pt x="87" y="37"/>
                    </a:lnTo>
                    <a:lnTo>
                      <a:pt x="91" y="35"/>
                    </a:lnTo>
                    <a:lnTo>
                      <a:pt x="94" y="35"/>
                    </a:lnTo>
                    <a:close/>
                    <a:moveTo>
                      <a:pt x="121" y="35"/>
                    </a:moveTo>
                    <a:lnTo>
                      <a:pt x="121" y="35"/>
                    </a:lnTo>
                    <a:lnTo>
                      <a:pt x="125" y="35"/>
                    </a:lnTo>
                    <a:lnTo>
                      <a:pt x="127" y="37"/>
                    </a:lnTo>
                    <a:lnTo>
                      <a:pt x="128" y="39"/>
                    </a:lnTo>
                    <a:lnTo>
                      <a:pt x="128" y="42"/>
                    </a:lnTo>
                    <a:lnTo>
                      <a:pt x="128" y="46"/>
                    </a:lnTo>
                    <a:lnTo>
                      <a:pt x="127" y="47"/>
                    </a:lnTo>
                    <a:lnTo>
                      <a:pt x="125" y="49"/>
                    </a:lnTo>
                    <a:lnTo>
                      <a:pt x="121" y="49"/>
                    </a:lnTo>
                    <a:lnTo>
                      <a:pt x="118" y="49"/>
                    </a:lnTo>
                    <a:lnTo>
                      <a:pt x="116" y="47"/>
                    </a:lnTo>
                    <a:lnTo>
                      <a:pt x="115" y="46"/>
                    </a:lnTo>
                    <a:lnTo>
                      <a:pt x="115" y="42"/>
                    </a:lnTo>
                    <a:lnTo>
                      <a:pt x="115" y="39"/>
                    </a:lnTo>
                    <a:lnTo>
                      <a:pt x="116" y="37"/>
                    </a:lnTo>
                    <a:lnTo>
                      <a:pt x="118" y="35"/>
                    </a:lnTo>
                    <a:lnTo>
                      <a:pt x="121" y="35"/>
                    </a:lnTo>
                    <a:close/>
                    <a:moveTo>
                      <a:pt x="150" y="35"/>
                    </a:moveTo>
                    <a:lnTo>
                      <a:pt x="150" y="35"/>
                    </a:lnTo>
                    <a:lnTo>
                      <a:pt x="152" y="35"/>
                    </a:lnTo>
                    <a:lnTo>
                      <a:pt x="156" y="37"/>
                    </a:lnTo>
                    <a:lnTo>
                      <a:pt x="157" y="39"/>
                    </a:lnTo>
                    <a:lnTo>
                      <a:pt x="157" y="42"/>
                    </a:lnTo>
                    <a:lnTo>
                      <a:pt x="157" y="46"/>
                    </a:lnTo>
                    <a:lnTo>
                      <a:pt x="156" y="47"/>
                    </a:lnTo>
                    <a:lnTo>
                      <a:pt x="152" y="49"/>
                    </a:lnTo>
                    <a:lnTo>
                      <a:pt x="150" y="49"/>
                    </a:lnTo>
                    <a:lnTo>
                      <a:pt x="147" y="49"/>
                    </a:lnTo>
                    <a:lnTo>
                      <a:pt x="145" y="47"/>
                    </a:lnTo>
                    <a:lnTo>
                      <a:pt x="144" y="46"/>
                    </a:lnTo>
                    <a:lnTo>
                      <a:pt x="144" y="42"/>
                    </a:lnTo>
                    <a:lnTo>
                      <a:pt x="144" y="39"/>
                    </a:lnTo>
                    <a:lnTo>
                      <a:pt x="145" y="37"/>
                    </a:lnTo>
                    <a:lnTo>
                      <a:pt x="147" y="35"/>
                    </a:lnTo>
                    <a:lnTo>
                      <a:pt x="150" y="35"/>
                    </a:lnTo>
                    <a:close/>
                    <a:moveTo>
                      <a:pt x="179" y="35"/>
                    </a:moveTo>
                    <a:lnTo>
                      <a:pt x="179" y="35"/>
                    </a:lnTo>
                    <a:lnTo>
                      <a:pt x="181" y="35"/>
                    </a:lnTo>
                    <a:lnTo>
                      <a:pt x="183" y="37"/>
                    </a:lnTo>
                    <a:lnTo>
                      <a:pt x="184" y="39"/>
                    </a:lnTo>
                    <a:lnTo>
                      <a:pt x="186" y="42"/>
                    </a:lnTo>
                    <a:lnTo>
                      <a:pt x="184" y="46"/>
                    </a:lnTo>
                    <a:lnTo>
                      <a:pt x="183" y="47"/>
                    </a:lnTo>
                    <a:lnTo>
                      <a:pt x="181" y="49"/>
                    </a:lnTo>
                    <a:lnTo>
                      <a:pt x="179" y="49"/>
                    </a:lnTo>
                    <a:lnTo>
                      <a:pt x="176" y="49"/>
                    </a:lnTo>
                    <a:lnTo>
                      <a:pt x="173" y="47"/>
                    </a:lnTo>
                    <a:lnTo>
                      <a:pt x="173" y="46"/>
                    </a:lnTo>
                    <a:lnTo>
                      <a:pt x="171" y="42"/>
                    </a:lnTo>
                    <a:lnTo>
                      <a:pt x="173" y="39"/>
                    </a:lnTo>
                    <a:lnTo>
                      <a:pt x="173" y="37"/>
                    </a:lnTo>
                    <a:lnTo>
                      <a:pt x="176" y="35"/>
                    </a:lnTo>
                    <a:lnTo>
                      <a:pt x="179" y="35"/>
                    </a:lnTo>
                    <a:close/>
                    <a:moveTo>
                      <a:pt x="207" y="35"/>
                    </a:moveTo>
                    <a:lnTo>
                      <a:pt x="207" y="35"/>
                    </a:lnTo>
                    <a:lnTo>
                      <a:pt x="210" y="35"/>
                    </a:lnTo>
                    <a:lnTo>
                      <a:pt x="212" y="37"/>
                    </a:lnTo>
                    <a:lnTo>
                      <a:pt x="213" y="39"/>
                    </a:lnTo>
                    <a:lnTo>
                      <a:pt x="213" y="42"/>
                    </a:lnTo>
                    <a:lnTo>
                      <a:pt x="213" y="46"/>
                    </a:lnTo>
                    <a:lnTo>
                      <a:pt x="212" y="47"/>
                    </a:lnTo>
                    <a:lnTo>
                      <a:pt x="210" y="49"/>
                    </a:lnTo>
                    <a:lnTo>
                      <a:pt x="207" y="49"/>
                    </a:lnTo>
                    <a:lnTo>
                      <a:pt x="203" y="49"/>
                    </a:lnTo>
                    <a:lnTo>
                      <a:pt x="202" y="47"/>
                    </a:lnTo>
                    <a:lnTo>
                      <a:pt x="200" y="46"/>
                    </a:lnTo>
                    <a:lnTo>
                      <a:pt x="200" y="42"/>
                    </a:lnTo>
                    <a:lnTo>
                      <a:pt x="200" y="39"/>
                    </a:lnTo>
                    <a:lnTo>
                      <a:pt x="202" y="37"/>
                    </a:lnTo>
                    <a:lnTo>
                      <a:pt x="203" y="35"/>
                    </a:lnTo>
                    <a:lnTo>
                      <a:pt x="207" y="35"/>
                    </a:lnTo>
                    <a:close/>
                    <a:moveTo>
                      <a:pt x="236" y="35"/>
                    </a:moveTo>
                    <a:lnTo>
                      <a:pt x="236" y="35"/>
                    </a:lnTo>
                    <a:lnTo>
                      <a:pt x="237" y="35"/>
                    </a:lnTo>
                    <a:lnTo>
                      <a:pt x="241" y="37"/>
                    </a:lnTo>
                    <a:lnTo>
                      <a:pt x="242" y="39"/>
                    </a:lnTo>
                    <a:lnTo>
                      <a:pt x="242" y="42"/>
                    </a:lnTo>
                    <a:lnTo>
                      <a:pt x="242" y="46"/>
                    </a:lnTo>
                    <a:lnTo>
                      <a:pt x="241" y="47"/>
                    </a:lnTo>
                    <a:lnTo>
                      <a:pt x="237" y="49"/>
                    </a:lnTo>
                    <a:lnTo>
                      <a:pt x="236" y="49"/>
                    </a:lnTo>
                    <a:lnTo>
                      <a:pt x="232" y="49"/>
                    </a:lnTo>
                    <a:lnTo>
                      <a:pt x="231" y="47"/>
                    </a:lnTo>
                    <a:lnTo>
                      <a:pt x="229" y="46"/>
                    </a:lnTo>
                    <a:lnTo>
                      <a:pt x="229" y="42"/>
                    </a:lnTo>
                    <a:lnTo>
                      <a:pt x="229" y="39"/>
                    </a:lnTo>
                    <a:lnTo>
                      <a:pt x="231" y="37"/>
                    </a:lnTo>
                    <a:lnTo>
                      <a:pt x="232" y="35"/>
                    </a:lnTo>
                    <a:lnTo>
                      <a:pt x="236" y="35"/>
                    </a:lnTo>
                    <a:close/>
                    <a:moveTo>
                      <a:pt x="265" y="35"/>
                    </a:moveTo>
                    <a:lnTo>
                      <a:pt x="265" y="35"/>
                    </a:lnTo>
                    <a:lnTo>
                      <a:pt x="266" y="35"/>
                    </a:lnTo>
                    <a:lnTo>
                      <a:pt x="268" y="37"/>
                    </a:lnTo>
                    <a:lnTo>
                      <a:pt x="270" y="39"/>
                    </a:lnTo>
                    <a:lnTo>
                      <a:pt x="271" y="42"/>
                    </a:lnTo>
                    <a:lnTo>
                      <a:pt x="270" y="46"/>
                    </a:lnTo>
                    <a:lnTo>
                      <a:pt x="268" y="47"/>
                    </a:lnTo>
                    <a:lnTo>
                      <a:pt x="266" y="49"/>
                    </a:lnTo>
                    <a:lnTo>
                      <a:pt x="265" y="49"/>
                    </a:lnTo>
                    <a:lnTo>
                      <a:pt x="261" y="49"/>
                    </a:lnTo>
                    <a:lnTo>
                      <a:pt x="260" y="47"/>
                    </a:lnTo>
                    <a:lnTo>
                      <a:pt x="258" y="46"/>
                    </a:lnTo>
                    <a:lnTo>
                      <a:pt x="256" y="42"/>
                    </a:lnTo>
                    <a:lnTo>
                      <a:pt x="258" y="39"/>
                    </a:lnTo>
                    <a:lnTo>
                      <a:pt x="260" y="37"/>
                    </a:lnTo>
                    <a:lnTo>
                      <a:pt x="261" y="35"/>
                    </a:lnTo>
                    <a:lnTo>
                      <a:pt x="265" y="35"/>
                    </a:lnTo>
                    <a:close/>
                    <a:moveTo>
                      <a:pt x="292" y="35"/>
                    </a:moveTo>
                    <a:lnTo>
                      <a:pt x="292" y="35"/>
                    </a:lnTo>
                    <a:lnTo>
                      <a:pt x="295" y="35"/>
                    </a:lnTo>
                    <a:lnTo>
                      <a:pt x="297" y="37"/>
                    </a:lnTo>
                    <a:lnTo>
                      <a:pt x="299" y="39"/>
                    </a:lnTo>
                    <a:lnTo>
                      <a:pt x="299" y="42"/>
                    </a:lnTo>
                    <a:lnTo>
                      <a:pt x="299" y="46"/>
                    </a:lnTo>
                    <a:lnTo>
                      <a:pt x="297" y="47"/>
                    </a:lnTo>
                    <a:lnTo>
                      <a:pt x="295" y="49"/>
                    </a:lnTo>
                    <a:lnTo>
                      <a:pt x="292" y="49"/>
                    </a:lnTo>
                    <a:lnTo>
                      <a:pt x="288" y="49"/>
                    </a:lnTo>
                    <a:lnTo>
                      <a:pt x="287" y="47"/>
                    </a:lnTo>
                    <a:lnTo>
                      <a:pt x="285" y="46"/>
                    </a:lnTo>
                    <a:lnTo>
                      <a:pt x="285" y="42"/>
                    </a:lnTo>
                    <a:lnTo>
                      <a:pt x="285" y="39"/>
                    </a:lnTo>
                    <a:lnTo>
                      <a:pt x="287" y="37"/>
                    </a:lnTo>
                    <a:lnTo>
                      <a:pt x="288" y="35"/>
                    </a:lnTo>
                    <a:lnTo>
                      <a:pt x="292" y="35"/>
                    </a:lnTo>
                    <a:close/>
                    <a:moveTo>
                      <a:pt x="321" y="35"/>
                    </a:moveTo>
                    <a:lnTo>
                      <a:pt x="321" y="35"/>
                    </a:lnTo>
                    <a:lnTo>
                      <a:pt x="323" y="35"/>
                    </a:lnTo>
                    <a:lnTo>
                      <a:pt x="326" y="37"/>
                    </a:lnTo>
                    <a:lnTo>
                      <a:pt x="328" y="39"/>
                    </a:lnTo>
                    <a:lnTo>
                      <a:pt x="328" y="42"/>
                    </a:lnTo>
                    <a:lnTo>
                      <a:pt x="328" y="46"/>
                    </a:lnTo>
                    <a:lnTo>
                      <a:pt x="326" y="47"/>
                    </a:lnTo>
                    <a:lnTo>
                      <a:pt x="323" y="49"/>
                    </a:lnTo>
                    <a:lnTo>
                      <a:pt x="321" y="49"/>
                    </a:lnTo>
                    <a:lnTo>
                      <a:pt x="317" y="49"/>
                    </a:lnTo>
                    <a:lnTo>
                      <a:pt x="316" y="47"/>
                    </a:lnTo>
                    <a:lnTo>
                      <a:pt x="314" y="46"/>
                    </a:lnTo>
                    <a:lnTo>
                      <a:pt x="314" y="42"/>
                    </a:lnTo>
                    <a:lnTo>
                      <a:pt x="314" y="39"/>
                    </a:lnTo>
                    <a:lnTo>
                      <a:pt x="316" y="37"/>
                    </a:lnTo>
                    <a:lnTo>
                      <a:pt x="317" y="35"/>
                    </a:lnTo>
                    <a:lnTo>
                      <a:pt x="321" y="35"/>
                    </a:lnTo>
                    <a:close/>
                    <a:moveTo>
                      <a:pt x="350" y="35"/>
                    </a:moveTo>
                    <a:lnTo>
                      <a:pt x="350" y="35"/>
                    </a:lnTo>
                    <a:lnTo>
                      <a:pt x="352" y="35"/>
                    </a:lnTo>
                    <a:lnTo>
                      <a:pt x="353" y="37"/>
                    </a:lnTo>
                    <a:lnTo>
                      <a:pt x="355" y="39"/>
                    </a:lnTo>
                    <a:lnTo>
                      <a:pt x="357" y="42"/>
                    </a:lnTo>
                    <a:lnTo>
                      <a:pt x="355" y="46"/>
                    </a:lnTo>
                    <a:lnTo>
                      <a:pt x="353" y="47"/>
                    </a:lnTo>
                    <a:lnTo>
                      <a:pt x="352" y="49"/>
                    </a:lnTo>
                    <a:lnTo>
                      <a:pt x="350" y="49"/>
                    </a:lnTo>
                    <a:lnTo>
                      <a:pt x="346" y="49"/>
                    </a:lnTo>
                    <a:lnTo>
                      <a:pt x="345" y="47"/>
                    </a:lnTo>
                    <a:lnTo>
                      <a:pt x="343" y="46"/>
                    </a:lnTo>
                    <a:lnTo>
                      <a:pt x="341" y="42"/>
                    </a:lnTo>
                    <a:lnTo>
                      <a:pt x="343" y="39"/>
                    </a:lnTo>
                    <a:lnTo>
                      <a:pt x="345" y="37"/>
                    </a:lnTo>
                    <a:lnTo>
                      <a:pt x="346" y="35"/>
                    </a:lnTo>
                    <a:lnTo>
                      <a:pt x="350" y="35"/>
                    </a:lnTo>
                    <a:close/>
                    <a:moveTo>
                      <a:pt x="377" y="35"/>
                    </a:moveTo>
                    <a:lnTo>
                      <a:pt x="377" y="35"/>
                    </a:lnTo>
                    <a:lnTo>
                      <a:pt x="381" y="35"/>
                    </a:lnTo>
                    <a:lnTo>
                      <a:pt x="382" y="37"/>
                    </a:lnTo>
                    <a:lnTo>
                      <a:pt x="384" y="39"/>
                    </a:lnTo>
                    <a:lnTo>
                      <a:pt x="384" y="42"/>
                    </a:lnTo>
                    <a:lnTo>
                      <a:pt x="384" y="46"/>
                    </a:lnTo>
                    <a:lnTo>
                      <a:pt x="382" y="47"/>
                    </a:lnTo>
                    <a:lnTo>
                      <a:pt x="381" y="49"/>
                    </a:lnTo>
                    <a:lnTo>
                      <a:pt x="377" y="49"/>
                    </a:lnTo>
                    <a:lnTo>
                      <a:pt x="375" y="49"/>
                    </a:lnTo>
                    <a:lnTo>
                      <a:pt x="372" y="47"/>
                    </a:lnTo>
                    <a:lnTo>
                      <a:pt x="370" y="46"/>
                    </a:lnTo>
                    <a:lnTo>
                      <a:pt x="370" y="42"/>
                    </a:lnTo>
                    <a:lnTo>
                      <a:pt x="370" y="39"/>
                    </a:lnTo>
                    <a:lnTo>
                      <a:pt x="372" y="37"/>
                    </a:lnTo>
                    <a:lnTo>
                      <a:pt x="375" y="35"/>
                    </a:lnTo>
                    <a:lnTo>
                      <a:pt x="377" y="35"/>
                    </a:lnTo>
                    <a:close/>
                    <a:moveTo>
                      <a:pt x="406" y="35"/>
                    </a:moveTo>
                    <a:lnTo>
                      <a:pt x="406" y="35"/>
                    </a:lnTo>
                    <a:lnTo>
                      <a:pt x="408" y="35"/>
                    </a:lnTo>
                    <a:lnTo>
                      <a:pt x="411" y="37"/>
                    </a:lnTo>
                    <a:lnTo>
                      <a:pt x="413" y="39"/>
                    </a:lnTo>
                    <a:lnTo>
                      <a:pt x="413" y="42"/>
                    </a:lnTo>
                    <a:lnTo>
                      <a:pt x="413" y="46"/>
                    </a:lnTo>
                    <a:lnTo>
                      <a:pt x="411" y="47"/>
                    </a:lnTo>
                    <a:lnTo>
                      <a:pt x="408" y="49"/>
                    </a:lnTo>
                    <a:lnTo>
                      <a:pt x="406" y="49"/>
                    </a:lnTo>
                    <a:lnTo>
                      <a:pt x="403" y="49"/>
                    </a:lnTo>
                    <a:lnTo>
                      <a:pt x="401" y="47"/>
                    </a:lnTo>
                    <a:lnTo>
                      <a:pt x="399" y="46"/>
                    </a:lnTo>
                    <a:lnTo>
                      <a:pt x="399" y="42"/>
                    </a:lnTo>
                    <a:lnTo>
                      <a:pt x="399" y="39"/>
                    </a:lnTo>
                    <a:lnTo>
                      <a:pt x="401" y="37"/>
                    </a:lnTo>
                    <a:lnTo>
                      <a:pt x="403" y="35"/>
                    </a:lnTo>
                    <a:lnTo>
                      <a:pt x="406" y="35"/>
                    </a:lnTo>
                    <a:close/>
                    <a:moveTo>
                      <a:pt x="435" y="35"/>
                    </a:moveTo>
                    <a:lnTo>
                      <a:pt x="435" y="35"/>
                    </a:lnTo>
                    <a:lnTo>
                      <a:pt x="437" y="35"/>
                    </a:lnTo>
                    <a:lnTo>
                      <a:pt x="439" y="37"/>
                    </a:lnTo>
                    <a:lnTo>
                      <a:pt x="440" y="39"/>
                    </a:lnTo>
                    <a:lnTo>
                      <a:pt x="442" y="42"/>
                    </a:lnTo>
                    <a:lnTo>
                      <a:pt x="440" y="46"/>
                    </a:lnTo>
                    <a:lnTo>
                      <a:pt x="439" y="47"/>
                    </a:lnTo>
                    <a:lnTo>
                      <a:pt x="437" y="49"/>
                    </a:lnTo>
                    <a:lnTo>
                      <a:pt x="435" y="49"/>
                    </a:lnTo>
                    <a:lnTo>
                      <a:pt x="432" y="49"/>
                    </a:lnTo>
                    <a:lnTo>
                      <a:pt x="430" y="47"/>
                    </a:lnTo>
                    <a:lnTo>
                      <a:pt x="428" y="46"/>
                    </a:lnTo>
                    <a:lnTo>
                      <a:pt x="427" y="42"/>
                    </a:lnTo>
                    <a:lnTo>
                      <a:pt x="428" y="39"/>
                    </a:lnTo>
                    <a:lnTo>
                      <a:pt x="430" y="37"/>
                    </a:lnTo>
                    <a:lnTo>
                      <a:pt x="432" y="35"/>
                    </a:lnTo>
                    <a:lnTo>
                      <a:pt x="435" y="35"/>
                    </a:lnTo>
                    <a:close/>
                    <a:moveTo>
                      <a:pt x="462" y="35"/>
                    </a:moveTo>
                    <a:lnTo>
                      <a:pt x="462" y="35"/>
                    </a:lnTo>
                    <a:lnTo>
                      <a:pt x="466" y="35"/>
                    </a:lnTo>
                    <a:lnTo>
                      <a:pt x="467" y="37"/>
                    </a:lnTo>
                    <a:lnTo>
                      <a:pt x="469" y="39"/>
                    </a:lnTo>
                    <a:lnTo>
                      <a:pt x="469" y="42"/>
                    </a:lnTo>
                    <a:lnTo>
                      <a:pt x="469" y="46"/>
                    </a:lnTo>
                    <a:lnTo>
                      <a:pt x="467" y="47"/>
                    </a:lnTo>
                    <a:lnTo>
                      <a:pt x="466" y="49"/>
                    </a:lnTo>
                    <a:lnTo>
                      <a:pt x="462" y="49"/>
                    </a:lnTo>
                    <a:lnTo>
                      <a:pt x="461" y="49"/>
                    </a:lnTo>
                    <a:lnTo>
                      <a:pt x="457" y="47"/>
                    </a:lnTo>
                    <a:lnTo>
                      <a:pt x="456" y="46"/>
                    </a:lnTo>
                    <a:lnTo>
                      <a:pt x="456" y="42"/>
                    </a:lnTo>
                    <a:lnTo>
                      <a:pt x="456" y="39"/>
                    </a:lnTo>
                    <a:lnTo>
                      <a:pt x="457" y="37"/>
                    </a:lnTo>
                    <a:lnTo>
                      <a:pt x="461" y="35"/>
                    </a:lnTo>
                    <a:lnTo>
                      <a:pt x="462" y="35"/>
                    </a:lnTo>
                    <a:close/>
                    <a:moveTo>
                      <a:pt x="491" y="35"/>
                    </a:moveTo>
                    <a:lnTo>
                      <a:pt x="491" y="35"/>
                    </a:lnTo>
                    <a:lnTo>
                      <a:pt x="493" y="35"/>
                    </a:lnTo>
                    <a:lnTo>
                      <a:pt x="496" y="37"/>
                    </a:lnTo>
                    <a:lnTo>
                      <a:pt x="498" y="39"/>
                    </a:lnTo>
                    <a:lnTo>
                      <a:pt x="498" y="42"/>
                    </a:lnTo>
                    <a:lnTo>
                      <a:pt x="498" y="46"/>
                    </a:lnTo>
                    <a:lnTo>
                      <a:pt x="496" y="47"/>
                    </a:lnTo>
                    <a:lnTo>
                      <a:pt x="493" y="49"/>
                    </a:lnTo>
                    <a:lnTo>
                      <a:pt x="491" y="49"/>
                    </a:lnTo>
                    <a:lnTo>
                      <a:pt x="488" y="49"/>
                    </a:lnTo>
                    <a:lnTo>
                      <a:pt x="486" y="47"/>
                    </a:lnTo>
                    <a:lnTo>
                      <a:pt x="485" y="46"/>
                    </a:lnTo>
                    <a:lnTo>
                      <a:pt x="485" y="42"/>
                    </a:lnTo>
                    <a:lnTo>
                      <a:pt x="485" y="39"/>
                    </a:lnTo>
                    <a:lnTo>
                      <a:pt x="486" y="37"/>
                    </a:lnTo>
                    <a:lnTo>
                      <a:pt x="488" y="35"/>
                    </a:lnTo>
                    <a:lnTo>
                      <a:pt x="491" y="35"/>
                    </a:lnTo>
                    <a:close/>
                    <a:moveTo>
                      <a:pt x="520" y="35"/>
                    </a:moveTo>
                    <a:lnTo>
                      <a:pt x="520" y="35"/>
                    </a:lnTo>
                    <a:lnTo>
                      <a:pt x="522" y="35"/>
                    </a:lnTo>
                    <a:lnTo>
                      <a:pt x="524" y="37"/>
                    </a:lnTo>
                    <a:lnTo>
                      <a:pt x="525" y="39"/>
                    </a:lnTo>
                    <a:lnTo>
                      <a:pt x="527" y="42"/>
                    </a:lnTo>
                    <a:lnTo>
                      <a:pt x="525" y="46"/>
                    </a:lnTo>
                    <a:lnTo>
                      <a:pt x="524" y="47"/>
                    </a:lnTo>
                    <a:lnTo>
                      <a:pt x="522" y="49"/>
                    </a:lnTo>
                    <a:lnTo>
                      <a:pt x="520" y="49"/>
                    </a:lnTo>
                    <a:lnTo>
                      <a:pt x="517" y="49"/>
                    </a:lnTo>
                    <a:lnTo>
                      <a:pt x="515" y="47"/>
                    </a:lnTo>
                    <a:lnTo>
                      <a:pt x="514" y="46"/>
                    </a:lnTo>
                    <a:lnTo>
                      <a:pt x="512" y="42"/>
                    </a:lnTo>
                    <a:lnTo>
                      <a:pt x="514" y="39"/>
                    </a:lnTo>
                    <a:lnTo>
                      <a:pt x="515" y="37"/>
                    </a:lnTo>
                    <a:lnTo>
                      <a:pt x="517" y="35"/>
                    </a:lnTo>
                    <a:lnTo>
                      <a:pt x="520" y="35"/>
                    </a:lnTo>
                    <a:close/>
                    <a:moveTo>
                      <a:pt x="548" y="35"/>
                    </a:moveTo>
                    <a:lnTo>
                      <a:pt x="548" y="35"/>
                    </a:lnTo>
                    <a:lnTo>
                      <a:pt x="551" y="35"/>
                    </a:lnTo>
                    <a:lnTo>
                      <a:pt x="553" y="37"/>
                    </a:lnTo>
                    <a:lnTo>
                      <a:pt x="554" y="39"/>
                    </a:lnTo>
                    <a:lnTo>
                      <a:pt x="554" y="42"/>
                    </a:lnTo>
                    <a:lnTo>
                      <a:pt x="554" y="46"/>
                    </a:lnTo>
                    <a:lnTo>
                      <a:pt x="553" y="47"/>
                    </a:lnTo>
                    <a:lnTo>
                      <a:pt x="551" y="49"/>
                    </a:lnTo>
                    <a:lnTo>
                      <a:pt x="548" y="49"/>
                    </a:lnTo>
                    <a:lnTo>
                      <a:pt x="546" y="49"/>
                    </a:lnTo>
                    <a:lnTo>
                      <a:pt x="542" y="47"/>
                    </a:lnTo>
                    <a:lnTo>
                      <a:pt x="541" y="46"/>
                    </a:lnTo>
                    <a:lnTo>
                      <a:pt x="541" y="42"/>
                    </a:lnTo>
                    <a:lnTo>
                      <a:pt x="541" y="39"/>
                    </a:lnTo>
                    <a:lnTo>
                      <a:pt x="542" y="37"/>
                    </a:lnTo>
                    <a:lnTo>
                      <a:pt x="546" y="35"/>
                    </a:lnTo>
                    <a:lnTo>
                      <a:pt x="548" y="35"/>
                    </a:lnTo>
                    <a:close/>
                    <a:moveTo>
                      <a:pt x="577" y="35"/>
                    </a:moveTo>
                    <a:lnTo>
                      <a:pt x="577" y="35"/>
                    </a:lnTo>
                    <a:lnTo>
                      <a:pt x="578" y="35"/>
                    </a:lnTo>
                    <a:lnTo>
                      <a:pt x="582" y="37"/>
                    </a:lnTo>
                    <a:lnTo>
                      <a:pt x="583" y="39"/>
                    </a:lnTo>
                    <a:lnTo>
                      <a:pt x="583" y="42"/>
                    </a:lnTo>
                    <a:lnTo>
                      <a:pt x="583" y="46"/>
                    </a:lnTo>
                    <a:lnTo>
                      <a:pt x="582" y="47"/>
                    </a:lnTo>
                    <a:lnTo>
                      <a:pt x="578" y="49"/>
                    </a:lnTo>
                    <a:lnTo>
                      <a:pt x="577" y="49"/>
                    </a:lnTo>
                    <a:lnTo>
                      <a:pt x="573" y="49"/>
                    </a:lnTo>
                    <a:lnTo>
                      <a:pt x="571" y="47"/>
                    </a:lnTo>
                    <a:lnTo>
                      <a:pt x="570" y="46"/>
                    </a:lnTo>
                    <a:lnTo>
                      <a:pt x="570" y="42"/>
                    </a:lnTo>
                    <a:lnTo>
                      <a:pt x="570" y="39"/>
                    </a:lnTo>
                    <a:lnTo>
                      <a:pt x="571" y="37"/>
                    </a:lnTo>
                    <a:lnTo>
                      <a:pt x="573" y="35"/>
                    </a:lnTo>
                    <a:lnTo>
                      <a:pt x="577" y="35"/>
                    </a:lnTo>
                    <a:close/>
                    <a:moveTo>
                      <a:pt x="606" y="35"/>
                    </a:moveTo>
                    <a:lnTo>
                      <a:pt x="606" y="35"/>
                    </a:lnTo>
                    <a:lnTo>
                      <a:pt x="607" y="35"/>
                    </a:lnTo>
                    <a:lnTo>
                      <a:pt x="609" y="37"/>
                    </a:lnTo>
                    <a:lnTo>
                      <a:pt x="611" y="39"/>
                    </a:lnTo>
                    <a:lnTo>
                      <a:pt x="612" y="42"/>
                    </a:lnTo>
                    <a:lnTo>
                      <a:pt x="611" y="46"/>
                    </a:lnTo>
                    <a:lnTo>
                      <a:pt x="609" y="47"/>
                    </a:lnTo>
                    <a:lnTo>
                      <a:pt x="607" y="49"/>
                    </a:lnTo>
                    <a:lnTo>
                      <a:pt x="606" y="49"/>
                    </a:lnTo>
                    <a:lnTo>
                      <a:pt x="602" y="49"/>
                    </a:lnTo>
                    <a:lnTo>
                      <a:pt x="600" y="47"/>
                    </a:lnTo>
                    <a:lnTo>
                      <a:pt x="599" y="46"/>
                    </a:lnTo>
                    <a:lnTo>
                      <a:pt x="597" y="42"/>
                    </a:lnTo>
                    <a:lnTo>
                      <a:pt x="599" y="39"/>
                    </a:lnTo>
                    <a:lnTo>
                      <a:pt x="600" y="37"/>
                    </a:lnTo>
                    <a:lnTo>
                      <a:pt x="602" y="35"/>
                    </a:lnTo>
                    <a:lnTo>
                      <a:pt x="606" y="35"/>
                    </a:lnTo>
                    <a:close/>
                    <a:moveTo>
                      <a:pt x="633" y="35"/>
                    </a:moveTo>
                    <a:lnTo>
                      <a:pt x="633" y="35"/>
                    </a:lnTo>
                    <a:lnTo>
                      <a:pt x="636" y="35"/>
                    </a:lnTo>
                    <a:lnTo>
                      <a:pt x="638" y="37"/>
                    </a:lnTo>
                    <a:lnTo>
                      <a:pt x="640" y="39"/>
                    </a:lnTo>
                    <a:lnTo>
                      <a:pt x="641" y="42"/>
                    </a:lnTo>
                    <a:lnTo>
                      <a:pt x="640" y="46"/>
                    </a:lnTo>
                    <a:lnTo>
                      <a:pt x="638" y="47"/>
                    </a:lnTo>
                    <a:lnTo>
                      <a:pt x="636" y="49"/>
                    </a:lnTo>
                    <a:lnTo>
                      <a:pt x="633" y="49"/>
                    </a:lnTo>
                    <a:lnTo>
                      <a:pt x="631" y="49"/>
                    </a:lnTo>
                    <a:lnTo>
                      <a:pt x="628" y="47"/>
                    </a:lnTo>
                    <a:lnTo>
                      <a:pt x="626" y="46"/>
                    </a:lnTo>
                    <a:lnTo>
                      <a:pt x="626" y="42"/>
                    </a:lnTo>
                    <a:lnTo>
                      <a:pt x="626" y="39"/>
                    </a:lnTo>
                    <a:lnTo>
                      <a:pt x="628" y="37"/>
                    </a:lnTo>
                    <a:lnTo>
                      <a:pt x="631" y="35"/>
                    </a:lnTo>
                    <a:lnTo>
                      <a:pt x="633" y="35"/>
                    </a:lnTo>
                    <a:close/>
                    <a:moveTo>
                      <a:pt x="662" y="35"/>
                    </a:moveTo>
                    <a:lnTo>
                      <a:pt x="662" y="35"/>
                    </a:lnTo>
                    <a:lnTo>
                      <a:pt x="665" y="35"/>
                    </a:lnTo>
                    <a:lnTo>
                      <a:pt x="667" y="37"/>
                    </a:lnTo>
                    <a:lnTo>
                      <a:pt x="669" y="39"/>
                    </a:lnTo>
                    <a:lnTo>
                      <a:pt x="669" y="42"/>
                    </a:lnTo>
                    <a:lnTo>
                      <a:pt x="669" y="46"/>
                    </a:lnTo>
                    <a:lnTo>
                      <a:pt x="667" y="47"/>
                    </a:lnTo>
                    <a:lnTo>
                      <a:pt x="665" y="49"/>
                    </a:lnTo>
                    <a:lnTo>
                      <a:pt x="662" y="49"/>
                    </a:lnTo>
                    <a:lnTo>
                      <a:pt x="658" y="49"/>
                    </a:lnTo>
                    <a:lnTo>
                      <a:pt x="657" y="47"/>
                    </a:lnTo>
                    <a:lnTo>
                      <a:pt x="655" y="46"/>
                    </a:lnTo>
                    <a:lnTo>
                      <a:pt x="655" y="42"/>
                    </a:lnTo>
                    <a:lnTo>
                      <a:pt x="655" y="39"/>
                    </a:lnTo>
                    <a:lnTo>
                      <a:pt x="657" y="37"/>
                    </a:lnTo>
                    <a:lnTo>
                      <a:pt x="658" y="35"/>
                    </a:lnTo>
                    <a:lnTo>
                      <a:pt x="662" y="35"/>
                    </a:lnTo>
                    <a:close/>
                    <a:moveTo>
                      <a:pt x="691" y="35"/>
                    </a:moveTo>
                    <a:lnTo>
                      <a:pt x="691" y="35"/>
                    </a:lnTo>
                    <a:lnTo>
                      <a:pt x="693" y="35"/>
                    </a:lnTo>
                    <a:lnTo>
                      <a:pt x="696" y="37"/>
                    </a:lnTo>
                    <a:lnTo>
                      <a:pt x="696" y="39"/>
                    </a:lnTo>
                    <a:lnTo>
                      <a:pt x="698" y="42"/>
                    </a:lnTo>
                    <a:lnTo>
                      <a:pt x="696" y="46"/>
                    </a:lnTo>
                    <a:lnTo>
                      <a:pt x="696" y="47"/>
                    </a:lnTo>
                    <a:lnTo>
                      <a:pt x="693" y="49"/>
                    </a:lnTo>
                    <a:lnTo>
                      <a:pt x="691" y="49"/>
                    </a:lnTo>
                    <a:lnTo>
                      <a:pt x="687" y="49"/>
                    </a:lnTo>
                    <a:lnTo>
                      <a:pt x="686" y="47"/>
                    </a:lnTo>
                    <a:lnTo>
                      <a:pt x="684" y="46"/>
                    </a:lnTo>
                    <a:lnTo>
                      <a:pt x="684" y="42"/>
                    </a:lnTo>
                    <a:lnTo>
                      <a:pt x="684" y="39"/>
                    </a:lnTo>
                    <a:lnTo>
                      <a:pt x="686" y="37"/>
                    </a:lnTo>
                    <a:lnTo>
                      <a:pt x="687" y="35"/>
                    </a:lnTo>
                    <a:lnTo>
                      <a:pt x="691" y="35"/>
                    </a:lnTo>
                    <a:close/>
                    <a:moveTo>
                      <a:pt x="718" y="35"/>
                    </a:moveTo>
                    <a:lnTo>
                      <a:pt x="718" y="35"/>
                    </a:lnTo>
                    <a:lnTo>
                      <a:pt x="721" y="35"/>
                    </a:lnTo>
                    <a:lnTo>
                      <a:pt x="723" y="37"/>
                    </a:lnTo>
                    <a:lnTo>
                      <a:pt x="725" y="39"/>
                    </a:lnTo>
                    <a:lnTo>
                      <a:pt x="727" y="42"/>
                    </a:lnTo>
                    <a:lnTo>
                      <a:pt x="725" y="46"/>
                    </a:lnTo>
                    <a:lnTo>
                      <a:pt x="723" y="47"/>
                    </a:lnTo>
                    <a:lnTo>
                      <a:pt x="721" y="49"/>
                    </a:lnTo>
                    <a:lnTo>
                      <a:pt x="718" y="49"/>
                    </a:lnTo>
                    <a:lnTo>
                      <a:pt x="716" y="49"/>
                    </a:lnTo>
                    <a:lnTo>
                      <a:pt x="713" y="47"/>
                    </a:lnTo>
                    <a:lnTo>
                      <a:pt x="711" y="46"/>
                    </a:lnTo>
                    <a:lnTo>
                      <a:pt x="711" y="42"/>
                    </a:lnTo>
                    <a:lnTo>
                      <a:pt x="711" y="39"/>
                    </a:lnTo>
                    <a:lnTo>
                      <a:pt x="713" y="37"/>
                    </a:lnTo>
                    <a:lnTo>
                      <a:pt x="716" y="35"/>
                    </a:lnTo>
                    <a:lnTo>
                      <a:pt x="718" y="35"/>
                    </a:lnTo>
                    <a:close/>
                    <a:moveTo>
                      <a:pt x="747" y="35"/>
                    </a:moveTo>
                    <a:lnTo>
                      <a:pt x="747" y="35"/>
                    </a:lnTo>
                    <a:lnTo>
                      <a:pt x="750" y="35"/>
                    </a:lnTo>
                    <a:lnTo>
                      <a:pt x="752" y="37"/>
                    </a:lnTo>
                    <a:lnTo>
                      <a:pt x="754" y="39"/>
                    </a:lnTo>
                    <a:lnTo>
                      <a:pt x="754" y="42"/>
                    </a:lnTo>
                    <a:lnTo>
                      <a:pt x="754" y="46"/>
                    </a:lnTo>
                    <a:lnTo>
                      <a:pt x="752" y="47"/>
                    </a:lnTo>
                    <a:lnTo>
                      <a:pt x="750" y="49"/>
                    </a:lnTo>
                    <a:lnTo>
                      <a:pt x="747" y="49"/>
                    </a:lnTo>
                    <a:lnTo>
                      <a:pt x="744" y="49"/>
                    </a:lnTo>
                    <a:lnTo>
                      <a:pt x="742" y="47"/>
                    </a:lnTo>
                    <a:lnTo>
                      <a:pt x="740" y="46"/>
                    </a:lnTo>
                    <a:lnTo>
                      <a:pt x="740" y="42"/>
                    </a:lnTo>
                    <a:lnTo>
                      <a:pt x="740" y="39"/>
                    </a:lnTo>
                    <a:lnTo>
                      <a:pt x="742" y="37"/>
                    </a:lnTo>
                    <a:lnTo>
                      <a:pt x="744" y="35"/>
                    </a:lnTo>
                    <a:lnTo>
                      <a:pt x="747" y="35"/>
                    </a:lnTo>
                    <a:close/>
                    <a:moveTo>
                      <a:pt x="776" y="35"/>
                    </a:moveTo>
                    <a:lnTo>
                      <a:pt x="776" y="35"/>
                    </a:lnTo>
                    <a:lnTo>
                      <a:pt x="778" y="35"/>
                    </a:lnTo>
                    <a:lnTo>
                      <a:pt x="781" y="37"/>
                    </a:lnTo>
                    <a:lnTo>
                      <a:pt x="781" y="39"/>
                    </a:lnTo>
                    <a:lnTo>
                      <a:pt x="783" y="42"/>
                    </a:lnTo>
                    <a:lnTo>
                      <a:pt x="781" y="46"/>
                    </a:lnTo>
                    <a:lnTo>
                      <a:pt x="781" y="47"/>
                    </a:lnTo>
                    <a:lnTo>
                      <a:pt x="778" y="49"/>
                    </a:lnTo>
                    <a:lnTo>
                      <a:pt x="776" y="49"/>
                    </a:lnTo>
                    <a:lnTo>
                      <a:pt x="773" y="49"/>
                    </a:lnTo>
                    <a:lnTo>
                      <a:pt x="771" y="47"/>
                    </a:lnTo>
                    <a:lnTo>
                      <a:pt x="769" y="46"/>
                    </a:lnTo>
                    <a:lnTo>
                      <a:pt x="769" y="42"/>
                    </a:lnTo>
                    <a:lnTo>
                      <a:pt x="769" y="39"/>
                    </a:lnTo>
                    <a:lnTo>
                      <a:pt x="771" y="37"/>
                    </a:lnTo>
                    <a:lnTo>
                      <a:pt x="773" y="35"/>
                    </a:lnTo>
                    <a:lnTo>
                      <a:pt x="776" y="35"/>
                    </a:lnTo>
                    <a:close/>
                    <a:moveTo>
                      <a:pt x="803" y="35"/>
                    </a:moveTo>
                    <a:lnTo>
                      <a:pt x="803" y="35"/>
                    </a:lnTo>
                    <a:lnTo>
                      <a:pt x="807" y="35"/>
                    </a:lnTo>
                    <a:lnTo>
                      <a:pt x="808" y="37"/>
                    </a:lnTo>
                    <a:lnTo>
                      <a:pt x="810" y="39"/>
                    </a:lnTo>
                    <a:lnTo>
                      <a:pt x="812" y="42"/>
                    </a:lnTo>
                    <a:lnTo>
                      <a:pt x="810" y="46"/>
                    </a:lnTo>
                    <a:lnTo>
                      <a:pt x="808" y="47"/>
                    </a:lnTo>
                    <a:lnTo>
                      <a:pt x="807" y="49"/>
                    </a:lnTo>
                    <a:lnTo>
                      <a:pt x="803" y="49"/>
                    </a:lnTo>
                    <a:lnTo>
                      <a:pt x="802" y="49"/>
                    </a:lnTo>
                    <a:lnTo>
                      <a:pt x="798" y="47"/>
                    </a:lnTo>
                    <a:lnTo>
                      <a:pt x="796" y="46"/>
                    </a:lnTo>
                    <a:lnTo>
                      <a:pt x="796" y="42"/>
                    </a:lnTo>
                    <a:lnTo>
                      <a:pt x="796" y="39"/>
                    </a:lnTo>
                    <a:lnTo>
                      <a:pt x="798" y="37"/>
                    </a:lnTo>
                    <a:lnTo>
                      <a:pt x="802" y="35"/>
                    </a:lnTo>
                    <a:lnTo>
                      <a:pt x="803" y="35"/>
                    </a:lnTo>
                    <a:close/>
                    <a:moveTo>
                      <a:pt x="832" y="35"/>
                    </a:moveTo>
                    <a:lnTo>
                      <a:pt x="832" y="35"/>
                    </a:lnTo>
                    <a:lnTo>
                      <a:pt x="836" y="35"/>
                    </a:lnTo>
                    <a:lnTo>
                      <a:pt x="837" y="37"/>
                    </a:lnTo>
                    <a:lnTo>
                      <a:pt x="839" y="39"/>
                    </a:lnTo>
                    <a:lnTo>
                      <a:pt x="839" y="42"/>
                    </a:lnTo>
                    <a:lnTo>
                      <a:pt x="839" y="46"/>
                    </a:lnTo>
                    <a:lnTo>
                      <a:pt x="837" y="47"/>
                    </a:lnTo>
                    <a:lnTo>
                      <a:pt x="836" y="49"/>
                    </a:lnTo>
                    <a:lnTo>
                      <a:pt x="832" y="49"/>
                    </a:lnTo>
                    <a:lnTo>
                      <a:pt x="829" y="49"/>
                    </a:lnTo>
                    <a:lnTo>
                      <a:pt x="827" y="47"/>
                    </a:lnTo>
                    <a:lnTo>
                      <a:pt x="825" y="46"/>
                    </a:lnTo>
                    <a:lnTo>
                      <a:pt x="825" y="42"/>
                    </a:lnTo>
                    <a:lnTo>
                      <a:pt x="825" y="39"/>
                    </a:lnTo>
                    <a:lnTo>
                      <a:pt x="827" y="37"/>
                    </a:lnTo>
                    <a:lnTo>
                      <a:pt x="829" y="35"/>
                    </a:lnTo>
                    <a:lnTo>
                      <a:pt x="832" y="35"/>
                    </a:lnTo>
                    <a:close/>
                    <a:moveTo>
                      <a:pt x="861" y="35"/>
                    </a:moveTo>
                    <a:lnTo>
                      <a:pt x="861" y="35"/>
                    </a:lnTo>
                    <a:lnTo>
                      <a:pt x="863" y="35"/>
                    </a:lnTo>
                    <a:lnTo>
                      <a:pt x="866" y="37"/>
                    </a:lnTo>
                    <a:lnTo>
                      <a:pt x="866" y="39"/>
                    </a:lnTo>
                    <a:lnTo>
                      <a:pt x="868" y="42"/>
                    </a:lnTo>
                    <a:lnTo>
                      <a:pt x="866" y="46"/>
                    </a:lnTo>
                    <a:lnTo>
                      <a:pt x="866" y="47"/>
                    </a:lnTo>
                    <a:lnTo>
                      <a:pt x="863" y="49"/>
                    </a:lnTo>
                    <a:lnTo>
                      <a:pt x="861" y="49"/>
                    </a:lnTo>
                    <a:lnTo>
                      <a:pt x="858" y="49"/>
                    </a:lnTo>
                    <a:lnTo>
                      <a:pt x="856" y="47"/>
                    </a:lnTo>
                    <a:lnTo>
                      <a:pt x="854" y="46"/>
                    </a:lnTo>
                    <a:lnTo>
                      <a:pt x="854" y="42"/>
                    </a:lnTo>
                    <a:lnTo>
                      <a:pt x="854" y="39"/>
                    </a:lnTo>
                    <a:lnTo>
                      <a:pt x="856" y="37"/>
                    </a:lnTo>
                    <a:lnTo>
                      <a:pt x="858" y="35"/>
                    </a:lnTo>
                    <a:lnTo>
                      <a:pt x="861" y="35"/>
                    </a:lnTo>
                    <a:close/>
                    <a:moveTo>
                      <a:pt x="889" y="35"/>
                    </a:moveTo>
                    <a:lnTo>
                      <a:pt x="889" y="35"/>
                    </a:lnTo>
                    <a:lnTo>
                      <a:pt x="892" y="35"/>
                    </a:lnTo>
                    <a:lnTo>
                      <a:pt x="894" y="37"/>
                    </a:lnTo>
                    <a:lnTo>
                      <a:pt x="895" y="39"/>
                    </a:lnTo>
                    <a:lnTo>
                      <a:pt x="897" y="42"/>
                    </a:lnTo>
                    <a:lnTo>
                      <a:pt x="895" y="46"/>
                    </a:lnTo>
                    <a:lnTo>
                      <a:pt x="894" y="47"/>
                    </a:lnTo>
                    <a:lnTo>
                      <a:pt x="892" y="49"/>
                    </a:lnTo>
                    <a:lnTo>
                      <a:pt x="889" y="49"/>
                    </a:lnTo>
                    <a:lnTo>
                      <a:pt x="887" y="49"/>
                    </a:lnTo>
                    <a:lnTo>
                      <a:pt x="883" y="47"/>
                    </a:lnTo>
                    <a:lnTo>
                      <a:pt x="883" y="46"/>
                    </a:lnTo>
                    <a:lnTo>
                      <a:pt x="882" y="42"/>
                    </a:lnTo>
                    <a:lnTo>
                      <a:pt x="883" y="39"/>
                    </a:lnTo>
                    <a:lnTo>
                      <a:pt x="883" y="37"/>
                    </a:lnTo>
                    <a:lnTo>
                      <a:pt x="887" y="35"/>
                    </a:lnTo>
                    <a:lnTo>
                      <a:pt x="889" y="35"/>
                    </a:lnTo>
                    <a:close/>
                    <a:moveTo>
                      <a:pt x="918" y="35"/>
                    </a:moveTo>
                    <a:lnTo>
                      <a:pt x="918" y="35"/>
                    </a:lnTo>
                    <a:lnTo>
                      <a:pt x="921" y="35"/>
                    </a:lnTo>
                    <a:lnTo>
                      <a:pt x="923" y="37"/>
                    </a:lnTo>
                    <a:lnTo>
                      <a:pt x="924" y="39"/>
                    </a:lnTo>
                    <a:lnTo>
                      <a:pt x="924" y="42"/>
                    </a:lnTo>
                    <a:lnTo>
                      <a:pt x="924" y="46"/>
                    </a:lnTo>
                    <a:lnTo>
                      <a:pt x="923" y="47"/>
                    </a:lnTo>
                    <a:lnTo>
                      <a:pt x="921" y="49"/>
                    </a:lnTo>
                    <a:lnTo>
                      <a:pt x="918" y="49"/>
                    </a:lnTo>
                    <a:lnTo>
                      <a:pt x="914" y="49"/>
                    </a:lnTo>
                    <a:lnTo>
                      <a:pt x="912" y="47"/>
                    </a:lnTo>
                    <a:lnTo>
                      <a:pt x="911" y="46"/>
                    </a:lnTo>
                    <a:lnTo>
                      <a:pt x="911" y="42"/>
                    </a:lnTo>
                    <a:lnTo>
                      <a:pt x="911" y="39"/>
                    </a:lnTo>
                    <a:lnTo>
                      <a:pt x="912" y="37"/>
                    </a:lnTo>
                    <a:lnTo>
                      <a:pt x="914" y="35"/>
                    </a:lnTo>
                    <a:lnTo>
                      <a:pt x="918" y="35"/>
                    </a:lnTo>
                    <a:close/>
                    <a:moveTo>
                      <a:pt x="947" y="35"/>
                    </a:moveTo>
                    <a:lnTo>
                      <a:pt x="947" y="35"/>
                    </a:lnTo>
                    <a:lnTo>
                      <a:pt x="948" y="35"/>
                    </a:lnTo>
                    <a:lnTo>
                      <a:pt x="952" y="37"/>
                    </a:lnTo>
                    <a:lnTo>
                      <a:pt x="952" y="39"/>
                    </a:lnTo>
                    <a:lnTo>
                      <a:pt x="953" y="42"/>
                    </a:lnTo>
                    <a:lnTo>
                      <a:pt x="952" y="46"/>
                    </a:lnTo>
                    <a:lnTo>
                      <a:pt x="952" y="47"/>
                    </a:lnTo>
                    <a:lnTo>
                      <a:pt x="948" y="49"/>
                    </a:lnTo>
                    <a:lnTo>
                      <a:pt x="947" y="49"/>
                    </a:lnTo>
                    <a:lnTo>
                      <a:pt x="943" y="49"/>
                    </a:lnTo>
                    <a:lnTo>
                      <a:pt x="941" y="47"/>
                    </a:lnTo>
                    <a:lnTo>
                      <a:pt x="940" y="46"/>
                    </a:lnTo>
                    <a:lnTo>
                      <a:pt x="940" y="42"/>
                    </a:lnTo>
                    <a:lnTo>
                      <a:pt x="940" y="39"/>
                    </a:lnTo>
                    <a:lnTo>
                      <a:pt x="941" y="37"/>
                    </a:lnTo>
                    <a:lnTo>
                      <a:pt x="943" y="35"/>
                    </a:lnTo>
                    <a:lnTo>
                      <a:pt x="947" y="35"/>
                    </a:lnTo>
                    <a:close/>
                    <a:moveTo>
                      <a:pt x="974" y="35"/>
                    </a:moveTo>
                    <a:lnTo>
                      <a:pt x="974" y="35"/>
                    </a:lnTo>
                    <a:lnTo>
                      <a:pt x="977" y="35"/>
                    </a:lnTo>
                    <a:lnTo>
                      <a:pt x="979" y="37"/>
                    </a:lnTo>
                    <a:lnTo>
                      <a:pt x="981" y="39"/>
                    </a:lnTo>
                    <a:lnTo>
                      <a:pt x="982" y="42"/>
                    </a:lnTo>
                    <a:lnTo>
                      <a:pt x="981" y="46"/>
                    </a:lnTo>
                    <a:lnTo>
                      <a:pt x="979" y="47"/>
                    </a:lnTo>
                    <a:lnTo>
                      <a:pt x="977" y="49"/>
                    </a:lnTo>
                    <a:lnTo>
                      <a:pt x="974" y="49"/>
                    </a:lnTo>
                    <a:lnTo>
                      <a:pt x="972" y="49"/>
                    </a:lnTo>
                    <a:lnTo>
                      <a:pt x="969" y="47"/>
                    </a:lnTo>
                    <a:lnTo>
                      <a:pt x="969" y="46"/>
                    </a:lnTo>
                    <a:lnTo>
                      <a:pt x="967" y="42"/>
                    </a:lnTo>
                    <a:lnTo>
                      <a:pt x="969" y="39"/>
                    </a:lnTo>
                    <a:lnTo>
                      <a:pt x="969" y="37"/>
                    </a:lnTo>
                    <a:lnTo>
                      <a:pt x="972" y="35"/>
                    </a:lnTo>
                    <a:lnTo>
                      <a:pt x="974" y="35"/>
                    </a:lnTo>
                    <a:close/>
                    <a:moveTo>
                      <a:pt x="977" y="0"/>
                    </a:moveTo>
                    <a:lnTo>
                      <a:pt x="1062" y="42"/>
                    </a:lnTo>
                    <a:lnTo>
                      <a:pt x="977" y="85"/>
                    </a:lnTo>
                    <a:lnTo>
                      <a:pt x="977"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6" name="Freeform 1254"/>
              <p:cNvSpPr>
                <a:spLocks/>
              </p:cNvSpPr>
              <p:nvPr/>
            </p:nvSpPr>
            <p:spPr bwMode="auto">
              <a:xfrm>
                <a:off x="1417132" y="1326238"/>
                <a:ext cx="727327" cy="421834"/>
              </a:xfrm>
              <a:custGeom>
                <a:avLst/>
                <a:gdLst/>
                <a:ahLst/>
                <a:cxnLst>
                  <a:cxn ang="0">
                    <a:pos x="0" y="102"/>
                  </a:cxn>
                  <a:cxn ang="0">
                    <a:pos x="0" y="342"/>
                  </a:cxn>
                  <a:cxn ang="0">
                    <a:pos x="283" y="439"/>
                  </a:cxn>
                  <a:cxn ang="0">
                    <a:pos x="649" y="300"/>
                  </a:cxn>
                  <a:cxn ang="0">
                    <a:pos x="755" y="0"/>
                  </a:cxn>
                  <a:cxn ang="0">
                    <a:pos x="0" y="102"/>
                  </a:cxn>
                </a:cxnLst>
                <a:rect l="0" t="0" r="r" b="b"/>
                <a:pathLst>
                  <a:path w="755" h="439">
                    <a:moveTo>
                      <a:pt x="0" y="102"/>
                    </a:moveTo>
                    <a:lnTo>
                      <a:pt x="0" y="342"/>
                    </a:lnTo>
                    <a:lnTo>
                      <a:pt x="283" y="439"/>
                    </a:lnTo>
                    <a:lnTo>
                      <a:pt x="649" y="300"/>
                    </a:lnTo>
                    <a:lnTo>
                      <a:pt x="755" y="0"/>
                    </a:lnTo>
                    <a:lnTo>
                      <a:pt x="0" y="102"/>
                    </a:lnTo>
                    <a:close/>
                  </a:path>
                </a:pathLst>
              </a:custGeom>
              <a:solidFill>
                <a:srgbClr val="A5CEA5"/>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7" name="Freeform 1253"/>
              <p:cNvSpPr>
                <a:spLocks/>
              </p:cNvSpPr>
              <p:nvPr/>
            </p:nvSpPr>
            <p:spPr bwMode="auto">
              <a:xfrm>
                <a:off x="1993380" y="998511"/>
                <a:ext cx="304635" cy="396243"/>
              </a:xfrm>
              <a:custGeom>
                <a:avLst/>
                <a:gdLst/>
                <a:ahLst/>
                <a:cxnLst>
                  <a:cxn ang="0">
                    <a:pos x="249" y="204"/>
                  </a:cxn>
                  <a:cxn ang="0">
                    <a:pos x="254" y="173"/>
                  </a:cxn>
                  <a:cxn ang="0">
                    <a:pos x="254" y="141"/>
                  </a:cxn>
                  <a:cxn ang="0">
                    <a:pos x="247" y="110"/>
                  </a:cxn>
                  <a:cxn ang="0">
                    <a:pos x="239" y="83"/>
                  </a:cxn>
                  <a:cxn ang="0">
                    <a:pos x="225" y="58"/>
                  </a:cxn>
                  <a:cxn ang="0">
                    <a:pos x="208" y="35"/>
                  </a:cxn>
                  <a:cxn ang="0">
                    <a:pos x="188" y="18"/>
                  </a:cxn>
                  <a:cxn ang="0">
                    <a:pos x="165" y="6"/>
                  </a:cxn>
                  <a:cxn ang="0">
                    <a:pos x="140" y="1"/>
                  </a:cxn>
                  <a:cxn ang="0">
                    <a:pos x="114" y="1"/>
                  </a:cxn>
                  <a:cxn ang="0">
                    <a:pos x="89" y="6"/>
                  </a:cxn>
                  <a:cxn ang="0">
                    <a:pos x="67" y="18"/>
                  </a:cxn>
                  <a:cxn ang="0">
                    <a:pos x="46" y="35"/>
                  </a:cxn>
                  <a:cxn ang="0">
                    <a:pos x="29" y="58"/>
                  </a:cxn>
                  <a:cxn ang="0">
                    <a:pos x="15" y="83"/>
                  </a:cxn>
                  <a:cxn ang="0">
                    <a:pos x="5" y="110"/>
                  </a:cxn>
                  <a:cxn ang="0">
                    <a:pos x="0" y="141"/>
                  </a:cxn>
                  <a:cxn ang="0">
                    <a:pos x="0" y="173"/>
                  </a:cxn>
                  <a:cxn ang="0">
                    <a:pos x="5" y="204"/>
                  </a:cxn>
                  <a:cxn ang="0">
                    <a:pos x="14" y="231"/>
                  </a:cxn>
                  <a:cxn ang="0">
                    <a:pos x="26" y="257"/>
                  </a:cxn>
                  <a:cxn ang="0">
                    <a:pos x="43" y="279"/>
                  </a:cxn>
                  <a:cxn ang="0">
                    <a:pos x="61" y="296"/>
                  </a:cxn>
                  <a:cxn ang="0">
                    <a:pos x="84" y="308"/>
                  </a:cxn>
                  <a:cxn ang="0">
                    <a:pos x="107" y="313"/>
                  </a:cxn>
                  <a:cxn ang="0">
                    <a:pos x="123" y="315"/>
                  </a:cxn>
                  <a:cxn ang="0">
                    <a:pos x="130" y="315"/>
                  </a:cxn>
                  <a:cxn ang="0">
                    <a:pos x="135" y="313"/>
                  </a:cxn>
                  <a:cxn ang="0">
                    <a:pos x="142" y="312"/>
                  </a:cxn>
                  <a:cxn ang="0">
                    <a:pos x="130" y="366"/>
                  </a:cxn>
                  <a:cxn ang="0">
                    <a:pos x="133" y="370"/>
                  </a:cxn>
                  <a:cxn ang="0">
                    <a:pos x="147" y="380"/>
                  </a:cxn>
                  <a:cxn ang="0">
                    <a:pos x="167" y="393"/>
                  </a:cxn>
                  <a:cxn ang="0">
                    <a:pos x="191" y="407"/>
                  </a:cxn>
                  <a:cxn ang="0">
                    <a:pos x="206" y="410"/>
                  </a:cxn>
                  <a:cxn ang="0">
                    <a:pos x="220" y="410"/>
                  </a:cxn>
                  <a:cxn ang="0">
                    <a:pos x="235" y="409"/>
                  </a:cxn>
                  <a:cxn ang="0">
                    <a:pos x="249" y="404"/>
                  </a:cxn>
                  <a:cxn ang="0">
                    <a:pos x="261" y="397"/>
                  </a:cxn>
                  <a:cxn ang="0">
                    <a:pos x="273" y="392"/>
                  </a:cxn>
                  <a:cxn ang="0">
                    <a:pos x="281" y="387"/>
                  </a:cxn>
                  <a:cxn ang="0">
                    <a:pos x="290" y="383"/>
                  </a:cxn>
                  <a:cxn ang="0">
                    <a:pos x="300" y="375"/>
                  </a:cxn>
                  <a:cxn ang="0">
                    <a:pos x="309" y="363"/>
                  </a:cxn>
                  <a:cxn ang="0">
                    <a:pos x="314" y="349"/>
                  </a:cxn>
                  <a:cxn ang="0">
                    <a:pos x="317" y="344"/>
                  </a:cxn>
                </a:cxnLst>
                <a:rect l="0" t="0" r="r" b="b"/>
                <a:pathLst>
                  <a:path w="317" h="412">
                    <a:moveTo>
                      <a:pt x="244" y="218"/>
                    </a:moveTo>
                    <a:lnTo>
                      <a:pt x="249" y="204"/>
                    </a:lnTo>
                    <a:lnTo>
                      <a:pt x="252" y="189"/>
                    </a:lnTo>
                    <a:lnTo>
                      <a:pt x="254" y="173"/>
                    </a:lnTo>
                    <a:lnTo>
                      <a:pt x="254" y="158"/>
                    </a:lnTo>
                    <a:lnTo>
                      <a:pt x="254" y="141"/>
                    </a:lnTo>
                    <a:lnTo>
                      <a:pt x="251" y="126"/>
                    </a:lnTo>
                    <a:lnTo>
                      <a:pt x="247" y="110"/>
                    </a:lnTo>
                    <a:lnTo>
                      <a:pt x="244" y="97"/>
                    </a:lnTo>
                    <a:lnTo>
                      <a:pt x="239" y="83"/>
                    </a:lnTo>
                    <a:lnTo>
                      <a:pt x="232" y="69"/>
                    </a:lnTo>
                    <a:lnTo>
                      <a:pt x="225" y="58"/>
                    </a:lnTo>
                    <a:lnTo>
                      <a:pt x="217" y="46"/>
                    </a:lnTo>
                    <a:lnTo>
                      <a:pt x="208" y="35"/>
                    </a:lnTo>
                    <a:lnTo>
                      <a:pt x="198" y="27"/>
                    </a:lnTo>
                    <a:lnTo>
                      <a:pt x="188" y="18"/>
                    </a:lnTo>
                    <a:lnTo>
                      <a:pt x="177" y="13"/>
                    </a:lnTo>
                    <a:lnTo>
                      <a:pt x="165" y="6"/>
                    </a:lnTo>
                    <a:lnTo>
                      <a:pt x="152" y="3"/>
                    </a:lnTo>
                    <a:lnTo>
                      <a:pt x="140" y="1"/>
                    </a:lnTo>
                    <a:lnTo>
                      <a:pt x="126" y="0"/>
                    </a:lnTo>
                    <a:lnTo>
                      <a:pt x="114" y="1"/>
                    </a:lnTo>
                    <a:lnTo>
                      <a:pt x="101" y="3"/>
                    </a:lnTo>
                    <a:lnTo>
                      <a:pt x="89" y="6"/>
                    </a:lnTo>
                    <a:lnTo>
                      <a:pt x="77" y="13"/>
                    </a:lnTo>
                    <a:lnTo>
                      <a:pt x="67" y="18"/>
                    </a:lnTo>
                    <a:lnTo>
                      <a:pt x="56" y="27"/>
                    </a:lnTo>
                    <a:lnTo>
                      <a:pt x="46" y="35"/>
                    </a:lnTo>
                    <a:lnTo>
                      <a:pt x="36" y="46"/>
                    </a:lnTo>
                    <a:lnTo>
                      <a:pt x="29" y="58"/>
                    </a:lnTo>
                    <a:lnTo>
                      <a:pt x="21" y="69"/>
                    </a:lnTo>
                    <a:lnTo>
                      <a:pt x="15" y="83"/>
                    </a:lnTo>
                    <a:lnTo>
                      <a:pt x="10" y="97"/>
                    </a:lnTo>
                    <a:lnTo>
                      <a:pt x="5" y="110"/>
                    </a:lnTo>
                    <a:lnTo>
                      <a:pt x="2" y="126"/>
                    </a:lnTo>
                    <a:lnTo>
                      <a:pt x="0" y="141"/>
                    </a:lnTo>
                    <a:lnTo>
                      <a:pt x="0" y="158"/>
                    </a:lnTo>
                    <a:lnTo>
                      <a:pt x="0" y="173"/>
                    </a:lnTo>
                    <a:lnTo>
                      <a:pt x="2" y="189"/>
                    </a:lnTo>
                    <a:lnTo>
                      <a:pt x="5" y="204"/>
                    </a:lnTo>
                    <a:lnTo>
                      <a:pt x="9" y="218"/>
                    </a:lnTo>
                    <a:lnTo>
                      <a:pt x="14" y="231"/>
                    </a:lnTo>
                    <a:lnTo>
                      <a:pt x="19" y="245"/>
                    </a:lnTo>
                    <a:lnTo>
                      <a:pt x="26" y="257"/>
                    </a:lnTo>
                    <a:lnTo>
                      <a:pt x="34" y="269"/>
                    </a:lnTo>
                    <a:lnTo>
                      <a:pt x="43" y="279"/>
                    </a:lnTo>
                    <a:lnTo>
                      <a:pt x="51" y="288"/>
                    </a:lnTo>
                    <a:lnTo>
                      <a:pt x="61" y="296"/>
                    </a:lnTo>
                    <a:lnTo>
                      <a:pt x="72" y="303"/>
                    </a:lnTo>
                    <a:lnTo>
                      <a:pt x="84" y="308"/>
                    </a:lnTo>
                    <a:lnTo>
                      <a:pt x="96" y="312"/>
                    </a:lnTo>
                    <a:lnTo>
                      <a:pt x="107" y="313"/>
                    </a:lnTo>
                    <a:lnTo>
                      <a:pt x="121" y="315"/>
                    </a:lnTo>
                    <a:lnTo>
                      <a:pt x="123" y="315"/>
                    </a:lnTo>
                    <a:lnTo>
                      <a:pt x="126" y="315"/>
                    </a:lnTo>
                    <a:lnTo>
                      <a:pt x="130" y="315"/>
                    </a:lnTo>
                    <a:lnTo>
                      <a:pt x="133" y="313"/>
                    </a:lnTo>
                    <a:lnTo>
                      <a:pt x="135" y="313"/>
                    </a:lnTo>
                    <a:lnTo>
                      <a:pt x="138" y="313"/>
                    </a:lnTo>
                    <a:lnTo>
                      <a:pt x="142" y="312"/>
                    </a:lnTo>
                    <a:lnTo>
                      <a:pt x="143" y="312"/>
                    </a:lnTo>
                    <a:lnTo>
                      <a:pt x="130" y="366"/>
                    </a:lnTo>
                    <a:lnTo>
                      <a:pt x="133" y="370"/>
                    </a:lnTo>
                    <a:lnTo>
                      <a:pt x="140" y="375"/>
                    </a:lnTo>
                    <a:lnTo>
                      <a:pt x="147" y="380"/>
                    </a:lnTo>
                    <a:lnTo>
                      <a:pt x="155" y="387"/>
                    </a:lnTo>
                    <a:lnTo>
                      <a:pt x="167" y="393"/>
                    </a:lnTo>
                    <a:lnTo>
                      <a:pt x="179" y="400"/>
                    </a:lnTo>
                    <a:lnTo>
                      <a:pt x="191" y="407"/>
                    </a:lnTo>
                    <a:lnTo>
                      <a:pt x="200" y="409"/>
                    </a:lnTo>
                    <a:lnTo>
                      <a:pt x="206" y="410"/>
                    </a:lnTo>
                    <a:lnTo>
                      <a:pt x="213" y="412"/>
                    </a:lnTo>
                    <a:lnTo>
                      <a:pt x="220" y="410"/>
                    </a:lnTo>
                    <a:lnTo>
                      <a:pt x="228" y="410"/>
                    </a:lnTo>
                    <a:lnTo>
                      <a:pt x="235" y="409"/>
                    </a:lnTo>
                    <a:lnTo>
                      <a:pt x="242" y="407"/>
                    </a:lnTo>
                    <a:lnTo>
                      <a:pt x="249" y="404"/>
                    </a:lnTo>
                    <a:lnTo>
                      <a:pt x="256" y="400"/>
                    </a:lnTo>
                    <a:lnTo>
                      <a:pt x="261" y="397"/>
                    </a:lnTo>
                    <a:lnTo>
                      <a:pt x="268" y="395"/>
                    </a:lnTo>
                    <a:lnTo>
                      <a:pt x="273" y="392"/>
                    </a:lnTo>
                    <a:lnTo>
                      <a:pt x="278" y="388"/>
                    </a:lnTo>
                    <a:lnTo>
                      <a:pt x="281" y="387"/>
                    </a:lnTo>
                    <a:lnTo>
                      <a:pt x="286" y="385"/>
                    </a:lnTo>
                    <a:lnTo>
                      <a:pt x="290" y="383"/>
                    </a:lnTo>
                    <a:lnTo>
                      <a:pt x="295" y="380"/>
                    </a:lnTo>
                    <a:lnTo>
                      <a:pt x="300" y="375"/>
                    </a:lnTo>
                    <a:lnTo>
                      <a:pt x="303" y="370"/>
                    </a:lnTo>
                    <a:lnTo>
                      <a:pt x="309" y="363"/>
                    </a:lnTo>
                    <a:lnTo>
                      <a:pt x="312" y="354"/>
                    </a:lnTo>
                    <a:lnTo>
                      <a:pt x="314" y="349"/>
                    </a:lnTo>
                    <a:lnTo>
                      <a:pt x="315" y="346"/>
                    </a:lnTo>
                    <a:lnTo>
                      <a:pt x="317" y="344"/>
                    </a:lnTo>
                    <a:lnTo>
                      <a:pt x="244" y="218"/>
                    </a:lnTo>
                    <a:close/>
                  </a:path>
                </a:pathLst>
              </a:custGeom>
              <a:solidFill>
                <a:srgbClr val="F2CCB2"/>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8" name="Freeform 1252"/>
              <p:cNvSpPr>
                <a:spLocks/>
              </p:cNvSpPr>
              <p:nvPr/>
            </p:nvSpPr>
            <p:spPr bwMode="auto">
              <a:xfrm>
                <a:off x="1995031" y="912659"/>
                <a:ext cx="444982" cy="358270"/>
              </a:xfrm>
              <a:custGeom>
                <a:avLst/>
                <a:gdLst/>
                <a:ahLst/>
                <a:cxnLst>
                  <a:cxn ang="0">
                    <a:pos x="458" y="169"/>
                  </a:cxn>
                  <a:cxn ang="0">
                    <a:pos x="452" y="141"/>
                  </a:cxn>
                  <a:cxn ang="0">
                    <a:pos x="441" y="121"/>
                  </a:cxn>
                  <a:cxn ang="0">
                    <a:pos x="423" y="94"/>
                  </a:cxn>
                  <a:cxn ang="0">
                    <a:pos x="399" y="75"/>
                  </a:cxn>
                  <a:cxn ang="0">
                    <a:pos x="366" y="66"/>
                  </a:cxn>
                  <a:cxn ang="0">
                    <a:pos x="337" y="70"/>
                  </a:cxn>
                  <a:cxn ang="0">
                    <a:pos x="312" y="75"/>
                  </a:cxn>
                  <a:cxn ang="0">
                    <a:pos x="291" y="58"/>
                  </a:cxn>
                  <a:cxn ang="0">
                    <a:pos x="264" y="32"/>
                  </a:cxn>
                  <a:cxn ang="0">
                    <a:pos x="228" y="12"/>
                  </a:cxn>
                  <a:cxn ang="0">
                    <a:pos x="203" y="3"/>
                  </a:cxn>
                  <a:cxn ang="0">
                    <a:pos x="177" y="0"/>
                  </a:cxn>
                  <a:cxn ang="0">
                    <a:pos x="148" y="2"/>
                  </a:cxn>
                  <a:cxn ang="0">
                    <a:pos x="124" y="3"/>
                  </a:cxn>
                  <a:cxn ang="0">
                    <a:pos x="102" y="7"/>
                  </a:cxn>
                  <a:cxn ang="0">
                    <a:pos x="82" y="12"/>
                  </a:cxn>
                  <a:cxn ang="0">
                    <a:pos x="65" y="17"/>
                  </a:cxn>
                  <a:cxn ang="0">
                    <a:pos x="49" y="24"/>
                  </a:cxn>
                  <a:cxn ang="0">
                    <a:pos x="19" y="46"/>
                  </a:cxn>
                  <a:cxn ang="0">
                    <a:pos x="3" y="75"/>
                  </a:cxn>
                  <a:cxn ang="0">
                    <a:pos x="0" y="107"/>
                  </a:cxn>
                  <a:cxn ang="0">
                    <a:pos x="10" y="135"/>
                  </a:cxn>
                  <a:cxn ang="0">
                    <a:pos x="32" y="155"/>
                  </a:cxn>
                  <a:cxn ang="0">
                    <a:pos x="63" y="170"/>
                  </a:cxn>
                  <a:cxn ang="0">
                    <a:pos x="102" y="182"/>
                  </a:cxn>
                  <a:cxn ang="0">
                    <a:pos x="150" y="191"/>
                  </a:cxn>
                  <a:cxn ang="0">
                    <a:pos x="169" y="196"/>
                  </a:cxn>
                  <a:cxn ang="0">
                    <a:pos x="187" y="208"/>
                  </a:cxn>
                  <a:cxn ang="0">
                    <a:pos x="198" y="283"/>
                  </a:cxn>
                  <a:cxn ang="0">
                    <a:pos x="203" y="297"/>
                  </a:cxn>
                  <a:cxn ang="0">
                    <a:pos x="221" y="329"/>
                  </a:cxn>
                  <a:cxn ang="0">
                    <a:pos x="254" y="360"/>
                  </a:cxn>
                  <a:cxn ang="0">
                    <a:pos x="279" y="373"/>
                  </a:cxn>
                  <a:cxn ang="0">
                    <a:pos x="303" y="370"/>
                  </a:cxn>
                  <a:cxn ang="0">
                    <a:pos x="324" y="346"/>
                  </a:cxn>
                  <a:cxn ang="0">
                    <a:pos x="325" y="320"/>
                  </a:cxn>
                  <a:cxn ang="0">
                    <a:pos x="324" y="308"/>
                  </a:cxn>
                  <a:cxn ang="0">
                    <a:pos x="334" y="315"/>
                  </a:cxn>
                  <a:cxn ang="0">
                    <a:pos x="354" y="327"/>
                  </a:cxn>
                  <a:cxn ang="0">
                    <a:pos x="380" y="327"/>
                  </a:cxn>
                  <a:cxn ang="0">
                    <a:pos x="416" y="310"/>
                  </a:cxn>
                  <a:cxn ang="0">
                    <a:pos x="448" y="273"/>
                  </a:cxn>
                  <a:cxn ang="0">
                    <a:pos x="460" y="222"/>
                  </a:cxn>
                </a:cxnLst>
                <a:rect l="0" t="0" r="r" b="b"/>
                <a:pathLst>
                  <a:path w="462" h="373">
                    <a:moveTo>
                      <a:pt x="460" y="191"/>
                    </a:moveTo>
                    <a:lnTo>
                      <a:pt x="460" y="179"/>
                    </a:lnTo>
                    <a:lnTo>
                      <a:pt x="458" y="169"/>
                    </a:lnTo>
                    <a:lnTo>
                      <a:pt x="457" y="160"/>
                    </a:lnTo>
                    <a:lnTo>
                      <a:pt x="455" y="150"/>
                    </a:lnTo>
                    <a:lnTo>
                      <a:pt x="452" y="141"/>
                    </a:lnTo>
                    <a:lnTo>
                      <a:pt x="448" y="135"/>
                    </a:lnTo>
                    <a:lnTo>
                      <a:pt x="445" y="128"/>
                    </a:lnTo>
                    <a:lnTo>
                      <a:pt x="441" y="121"/>
                    </a:lnTo>
                    <a:lnTo>
                      <a:pt x="434" y="111"/>
                    </a:lnTo>
                    <a:lnTo>
                      <a:pt x="429" y="102"/>
                    </a:lnTo>
                    <a:lnTo>
                      <a:pt x="423" y="94"/>
                    </a:lnTo>
                    <a:lnTo>
                      <a:pt x="416" y="85"/>
                    </a:lnTo>
                    <a:lnTo>
                      <a:pt x="409" y="80"/>
                    </a:lnTo>
                    <a:lnTo>
                      <a:pt x="399" y="75"/>
                    </a:lnTo>
                    <a:lnTo>
                      <a:pt x="388" y="70"/>
                    </a:lnTo>
                    <a:lnTo>
                      <a:pt x="377" y="68"/>
                    </a:lnTo>
                    <a:lnTo>
                      <a:pt x="366" y="66"/>
                    </a:lnTo>
                    <a:lnTo>
                      <a:pt x="358" y="68"/>
                    </a:lnTo>
                    <a:lnTo>
                      <a:pt x="348" y="68"/>
                    </a:lnTo>
                    <a:lnTo>
                      <a:pt x="337" y="70"/>
                    </a:lnTo>
                    <a:lnTo>
                      <a:pt x="329" y="71"/>
                    </a:lnTo>
                    <a:lnTo>
                      <a:pt x="320" y="73"/>
                    </a:lnTo>
                    <a:lnTo>
                      <a:pt x="312" y="75"/>
                    </a:lnTo>
                    <a:lnTo>
                      <a:pt x="305" y="77"/>
                    </a:lnTo>
                    <a:lnTo>
                      <a:pt x="300" y="68"/>
                    </a:lnTo>
                    <a:lnTo>
                      <a:pt x="291" y="58"/>
                    </a:lnTo>
                    <a:lnTo>
                      <a:pt x="284" y="49"/>
                    </a:lnTo>
                    <a:lnTo>
                      <a:pt x="274" y="41"/>
                    </a:lnTo>
                    <a:lnTo>
                      <a:pt x="264" y="32"/>
                    </a:lnTo>
                    <a:lnTo>
                      <a:pt x="254" y="25"/>
                    </a:lnTo>
                    <a:lnTo>
                      <a:pt x="242" y="17"/>
                    </a:lnTo>
                    <a:lnTo>
                      <a:pt x="228" y="12"/>
                    </a:lnTo>
                    <a:lnTo>
                      <a:pt x="220" y="8"/>
                    </a:lnTo>
                    <a:lnTo>
                      <a:pt x="211" y="5"/>
                    </a:lnTo>
                    <a:lnTo>
                      <a:pt x="203" y="3"/>
                    </a:lnTo>
                    <a:lnTo>
                      <a:pt x="194" y="2"/>
                    </a:lnTo>
                    <a:lnTo>
                      <a:pt x="186" y="0"/>
                    </a:lnTo>
                    <a:lnTo>
                      <a:pt x="177" y="0"/>
                    </a:lnTo>
                    <a:lnTo>
                      <a:pt x="167" y="0"/>
                    </a:lnTo>
                    <a:lnTo>
                      <a:pt x="157" y="0"/>
                    </a:lnTo>
                    <a:lnTo>
                      <a:pt x="148" y="2"/>
                    </a:lnTo>
                    <a:lnTo>
                      <a:pt x="140" y="2"/>
                    </a:lnTo>
                    <a:lnTo>
                      <a:pt x="133" y="3"/>
                    </a:lnTo>
                    <a:lnTo>
                      <a:pt x="124" y="3"/>
                    </a:lnTo>
                    <a:lnTo>
                      <a:pt x="117" y="5"/>
                    </a:lnTo>
                    <a:lnTo>
                      <a:pt x="109" y="7"/>
                    </a:lnTo>
                    <a:lnTo>
                      <a:pt x="102" y="7"/>
                    </a:lnTo>
                    <a:lnTo>
                      <a:pt x="95" y="8"/>
                    </a:lnTo>
                    <a:lnTo>
                      <a:pt x="88" y="10"/>
                    </a:lnTo>
                    <a:lnTo>
                      <a:pt x="82" y="12"/>
                    </a:lnTo>
                    <a:lnTo>
                      <a:pt x="76" y="14"/>
                    </a:lnTo>
                    <a:lnTo>
                      <a:pt x="70" y="15"/>
                    </a:lnTo>
                    <a:lnTo>
                      <a:pt x="65" y="17"/>
                    </a:lnTo>
                    <a:lnTo>
                      <a:pt x="59" y="19"/>
                    </a:lnTo>
                    <a:lnTo>
                      <a:pt x="54" y="22"/>
                    </a:lnTo>
                    <a:lnTo>
                      <a:pt x="49" y="24"/>
                    </a:lnTo>
                    <a:lnTo>
                      <a:pt x="37" y="31"/>
                    </a:lnTo>
                    <a:lnTo>
                      <a:pt x="27" y="37"/>
                    </a:lnTo>
                    <a:lnTo>
                      <a:pt x="19" y="46"/>
                    </a:lnTo>
                    <a:lnTo>
                      <a:pt x="12" y="54"/>
                    </a:lnTo>
                    <a:lnTo>
                      <a:pt x="7" y="63"/>
                    </a:lnTo>
                    <a:lnTo>
                      <a:pt x="3" y="75"/>
                    </a:lnTo>
                    <a:lnTo>
                      <a:pt x="0" y="85"/>
                    </a:lnTo>
                    <a:lnTo>
                      <a:pt x="0" y="97"/>
                    </a:lnTo>
                    <a:lnTo>
                      <a:pt x="0" y="107"/>
                    </a:lnTo>
                    <a:lnTo>
                      <a:pt x="3" y="118"/>
                    </a:lnTo>
                    <a:lnTo>
                      <a:pt x="7" y="126"/>
                    </a:lnTo>
                    <a:lnTo>
                      <a:pt x="10" y="135"/>
                    </a:lnTo>
                    <a:lnTo>
                      <a:pt x="17" y="143"/>
                    </a:lnTo>
                    <a:lnTo>
                      <a:pt x="24" y="150"/>
                    </a:lnTo>
                    <a:lnTo>
                      <a:pt x="32" y="155"/>
                    </a:lnTo>
                    <a:lnTo>
                      <a:pt x="41" y="160"/>
                    </a:lnTo>
                    <a:lnTo>
                      <a:pt x="51" y="167"/>
                    </a:lnTo>
                    <a:lnTo>
                      <a:pt x="63" y="170"/>
                    </a:lnTo>
                    <a:lnTo>
                      <a:pt x="75" y="175"/>
                    </a:lnTo>
                    <a:lnTo>
                      <a:pt x="88" y="179"/>
                    </a:lnTo>
                    <a:lnTo>
                      <a:pt x="102" y="182"/>
                    </a:lnTo>
                    <a:lnTo>
                      <a:pt x="117" y="184"/>
                    </a:lnTo>
                    <a:lnTo>
                      <a:pt x="133" y="187"/>
                    </a:lnTo>
                    <a:lnTo>
                      <a:pt x="150" y="191"/>
                    </a:lnTo>
                    <a:lnTo>
                      <a:pt x="155" y="191"/>
                    </a:lnTo>
                    <a:lnTo>
                      <a:pt x="162" y="194"/>
                    </a:lnTo>
                    <a:lnTo>
                      <a:pt x="169" y="196"/>
                    </a:lnTo>
                    <a:lnTo>
                      <a:pt x="175" y="199"/>
                    </a:lnTo>
                    <a:lnTo>
                      <a:pt x="180" y="204"/>
                    </a:lnTo>
                    <a:lnTo>
                      <a:pt x="187" y="208"/>
                    </a:lnTo>
                    <a:lnTo>
                      <a:pt x="189" y="213"/>
                    </a:lnTo>
                    <a:lnTo>
                      <a:pt x="191" y="218"/>
                    </a:lnTo>
                    <a:lnTo>
                      <a:pt x="198" y="283"/>
                    </a:lnTo>
                    <a:lnTo>
                      <a:pt x="198" y="285"/>
                    </a:lnTo>
                    <a:lnTo>
                      <a:pt x="199" y="290"/>
                    </a:lnTo>
                    <a:lnTo>
                      <a:pt x="203" y="297"/>
                    </a:lnTo>
                    <a:lnTo>
                      <a:pt x="209" y="307"/>
                    </a:lnTo>
                    <a:lnTo>
                      <a:pt x="215" y="317"/>
                    </a:lnTo>
                    <a:lnTo>
                      <a:pt x="221" y="329"/>
                    </a:lnTo>
                    <a:lnTo>
                      <a:pt x="232" y="339"/>
                    </a:lnTo>
                    <a:lnTo>
                      <a:pt x="242" y="351"/>
                    </a:lnTo>
                    <a:lnTo>
                      <a:pt x="254" y="360"/>
                    </a:lnTo>
                    <a:lnTo>
                      <a:pt x="262" y="365"/>
                    </a:lnTo>
                    <a:lnTo>
                      <a:pt x="271" y="370"/>
                    </a:lnTo>
                    <a:lnTo>
                      <a:pt x="279" y="373"/>
                    </a:lnTo>
                    <a:lnTo>
                      <a:pt x="288" y="373"/>
                    </a:lnTo>
                    <a:lnTo>
                      <a:pt x="296" y="373"/>
                    </a:lnTo>
                    <a:lnTo>
                      <a:pt x="303" y="370"/>
                    </a:lnTo>
                    <a:lnTo>
                      <a:pt x="312" y="363"/>
                    </a:lnTo>
                    <a:lnTo>
                      <a:pt x="319" y="355"/>
                    </a:lnTo>
                    <a:lnTo>
                      <a:pt x="324" y="346"/>
                    </a:lnTo>
                    <a:lnTo>
                      <a:pt x="325" y="337"/>
                    </a:lnTo>
                    <a:lnTo>
                      <a:pt x="327" y="327"/>
                    </a:lnTo>
                    <a:lnTo>
                      <a:pt x="325" y="320"/>
                    </a:lnTo>
                    <a:lnTo>
                      <a:pt x="325" y="314"/>
                    </a:lnTo>
                    <a:lnTo>
                      <a:pt x="324" y="310"/>
                    </a:lnTo>
                    <a:lnTo>
                      <a:pt x="324" y="308"/>
                    </a:lnTo>
                    <a:lnTo>
                      <a:pt x="325" y="310"/>
                    </a:lnTo>
                    <a:lnTo>
                      <a:pt x="329" y="312"/>
                    </a:lnTo>
                    <a:lnTo>
                      <a:pt x="334" y="315"/>
                    </a:lnTo>
                    <a:lnTo>
                      <a:pt x="339" y="319"/>
                    </a:lnTo>
                    <a:lnTo>
                      <a:pt x="346" y="324"/>
                    </a:lnTo>
                    <a:lnTo>
                      <a:pt x="354" y="327"/>
                    </a:lnTo>
                    <a:lnTo>
                      <a:pt x="363" y="329"/>
                    </a:lnTo>
                    <a:lnTo>
                      <a:pt x="371" y="329"/>
                    </a:lnTo>
                    <a:lnTo>
                      <a:pt x="380" y="327"/>
                    </a:lnTo>
                    <a:lnTo>
                      <a:pt x="392" y="324"/>
                    </a:lnTo>
                    <a:lnTo>
                      <a:pt x="404" y="317"/>
                    </a:lnTo>
                    <a:lnTo>
                      <a:pt x="416" y="310"/>
                    </a:lnTo>
                    <a:lnTo>
                      <a:pt x="428" y="300"/>
                    </a:lnTo>
                    <a:lnTo>
                      <a:pt x="438" y="288"/>
                    </a:lnTo>
                    <a:lnTo>
                      <a:pt x="448" y="273"/>
                    </a:lnTo>
                    <a:lnTo>
                      <a:pt x="453" y="257"/>
                    </a:lnTo>
                    <a:lnTo>
                      <a:pt x="457" y="240"/>
                    </a:lnTo>
                    <a:lnTo>
                      <a:pt x="460" y="222"/>
                    </a:lnTo>
                    <a:lnTo>
                      <a:pt x="462" y="206"/>
                    </a:lnTo>
                    <a:lnTo>
                      <a:pt x="460" y="191"/>
                    </a:lnTo>
                    <a:close/>
                  </a:path>
                </a:pathLst>
              </a:custGeom>
              <a:solidFill>
                <a:srgbClr val="66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9" name="Freeform 1251"/>
              <p:cNvSpPr>
                <a:spLocks/>
              </p:cNvSpPr>
              <p:nvPr/>
            </p:nvSpPr>
            <p:spPr bwMode="auto">
              <a:xfrm>
                <a:off x="1641687" y="1735689"/>
                <a:ext cx="610096" cy="208028"/>
              </a:xfrm>
              <a:custGeom>
                <a:avLst/>
                <a:gdLst/>
                <a:ahLst/>
                <a:cxnLst>
                  <a:cxn ang="0">
                    <a:pos x="9" y="216"/>
                  </a:cxn>
                  <a:cxn ang="0">
                    <a:pos x="634" y="216"/>
                  </a:cxn>
                  <a:cxn ang="0">
                    <a:pos x="496" y="39"/>
                  </a:cxn>
                  <a:cxn ang="0">
                    <a:pos x="496" y="39"/>
                  </a:cxn>
                  <a:cxn ang="0">
                    <a:pos x="493" y="39"/>
                  </a:cxn>
                  <a:cxn ang="0">
                    <a:pos x="490" y="37"/>
                  </a:cxn>
                  <a:cxn ang="0">
                    <a:pos x="484" y="37"/>
                  </a:cxn>
                  <a:cxn ang="0">
                    <a:pos x="478" y="36"/>
                  </a:cxn>
                  <a:cxn ang="0">
                    <a:pos x="471" y="34"/>
                  </a:cxn>
                  <a:cxn ang="0">
                    <a:pos x="462" y="32"/>
                  </a:cxn>
                  <a:cxn ang="0">
                    <a:pos x="454" y="31"/>
                  </a:cxn>
                  <a:cxn ang="0">
                    <a:pos x="442" y="29"/>
                  </a:cxn>
                  <a:cxn ang="0">
                    <a:pos x="432" y="27"/>
                  </a:cxn>
                  <a:cxn ang="0">
                    <a:pos x="420" y="24"/>
                  </a:cxn>
                  <a:cxn ang="0">
                    <a:pos x="406" y="22"/>
                  </a:cxn>
                  <a:cxn ang="0">
                    <a:pos x="392" y="20"/>
                  </a:cxn>
                  <a:cxn ang="0">
                    <a:pos x="379" y="19"/>
                  </a:cxn>
                  <a:cxn ang="0">
                    <a:pos x="365" y="15"/>
                  </a:cxn>
                  <a:cxn ang="0">
                    <a:pos x="350" y="13"/>
                  </a:cxn>
                  <a:cxn ang="0">
                    <a:pos x="334" y="12"/>
                  </a:cxn>
                  <a:cxn ang="0">
                    <a:pos x="319" y="8"/>
                  </a:cxn>
                  <a:cxn ang="0">
                    <a:pos x="304" y="8"/>
                  </a:cxn>
                  <a:cxn ang="0">
                    <a:pos x="288" y="7"/>
                  </a:cxn>
                  <a:cxn ang="0">
                    <a:pos x="275" y="5"/>
                  </a:cxn>
                  <a:cxn ang="0">
                    <a:pos x="259" y="3"/>
                  </a:cxn>
                  <a:cxn ang="0">
                    <a:pos x="244" y="2"/>
                  </a:cxn>
                  <a:cxn ang="0">
                    <a:pos x="230" y="2"/>
                  </a:cxn>
                  <a:cxn ang="0">
                    <a:pos x="217" y="0"/>
                  </a:cxn>
                  <a:cxn ang="0">
                    <a:pos x="203" y="0"/>
                  </a:cxn>
                  <a:cxn ang="0">
                    <a:pos x="189" y="0"/>
                  </a:cxn>
                  <a:cxn ang="0">
                    <a:pos x="178" y="0"/>
                  </a:cxn>
                  <a:cxn ang="0">
                    <a:pos x="166" y="2"/>
                  </a:cxn>
                  <a:cxn ang="0">
                    <a:pos x="155" y="3"/>
                  </a:cxn>
                  <a:cxn ang="0">
                    <a:pos x="145" y="5"/>
                  </a:cxn>
                  <a:cxn ang="0">
                    <a:pos x="137" y="7"/>
                  </a:cxn>
                  <a:cxn ang="0">
                    <a:pos x="130" y="8"/>
                  </a:cxn>
                  <a:cxn ang="0">
                    <a:pos x="123" y="10"/>
                  </a:cxn>
                  <a:cxn ang="0">
                    <a:pos x="116" y="13"/>
                  </a:cxn>
                  <a:cxn ang="0">
                    <a:pos x="109" y="17"/>
                  </a:cxn>
                  <a:cxn ang="0">
                    <a:pos x="101" y="20"/>
                  </a:cxn>
                  <a:cxn ang="0">
                    <a:pos x="94" y="24"/>
                  </a:cxn>
                  <a:cxn ang="0">
                    <a:pos x="85" y="29"/>
                  </a:cxn>
                  <a:cxn ang="0">
                    <a:pos x="77" y="32"/>
                  </a:cxn>
                  <a:cxn ang="0">
                    <a:pos x="70" y="37"/>
                  </a:cxn>
                  <a:cxn ang="0">
                    <a:pos x="62" y="42"/>
                  </a:cxn>
                  <a:cxn ang="0">
                    <a:pos x="55" y="48"/>
                  </a:cxn>
                  <a:cxn ang="0">
                    <a:pos x="46" y="54"/>
                  </a:cxn>
                  <a:cxn ang="0">
                    <a:pos x="39" y="61"/>
                  </a:cxn>
                  <a:cxn ang="0">
                    <a:pos x="33" y="66"/>
                  </a:cxn>
                  <a:cxn ang="0">
                    <a:pos x="28" y="75"/>
                  </a:cxn>
                  <a:cxn ang="0">
                    <a:pos x="22" y="82"/>
                  </a:cxn>
                  <a:cxn ang="0">
                    <a:pos x="9" y="104"/>
                  </a:cxn>
                  <a:cxn ang="0">
                    <a:pos x="4" y="128"/>
                  </a:cxn>
                  <a:cxn ang="0">
                    <a:pos x="0" y="150"/>
                  </a:cxn>
                  <a:cxn ang="0">
                    <a:pos x="0" y="170"/>
                  </a:cxn>
                  <a:cxn ang="0">
                    <a:pos x="4" y="189"/>
                  </a:cxn>
                  <a:cxn ang="0">
                    <a:pos x="5" y="203"/>
                  </a:cxn>
                  <a:cxn ang="0">
                    <a:pos x="9" y="213"/>
                  </a:cxn>
                  <a:cxn ang="0">
                    <a:pos x="9" y="216"/>
                  </a:cxn>
                </a:cxnLst>
                <a:rect l="0" t="0" r="r" b="b"/>
                <a:pathLst>
                  <a:path w="634" h="216">
                    <a:moveTo>
                      <a:pt x="9" y="216"/>
                    </a:moveTo>
                    <a:lnTo>
                      <a:pt x="634" y="216"/>
                    </a:lnTo>
                    <a:lnTo>
                      <a:pt x="496" y="39"/>
                    </a:lnTo>
                    <a:lnTo>
                      <a:pt x="493" y="39"/>
                    </a:lnTo>
                    <a:lnTo>
                      <a:pt x="490" y="37"/>
                    </a:lnTo>
                    <a:lnTo>
                      <a:pt x="484" y="37"/>
                    </a:lnTo>
                    <a:lnTo>
                      <a:pt x="478" y="36"/>
                    </a:lnTo>
                    <a:lnTo>
                      <a:pt x="471" y="34"/>
                    </a:lnTo>
                    <a:lnTo>
                      <a:pt x="462" y="32"/>
                    </a:lnTo>
                    <a:lnTo>
                      <a:pt x="454" y="31"/>
                    </a:lnTo>
                    <a:lnTo>
                      <a:pt x="442" y="29"/>
                    </a:lnTo>
                    <a:lnTo>
                      <a:pt x="432" y="27"/>
                    </a:lnTo>
                    <a:lnTo>
                      <a:pt x="420" y="24"/>
                    </a:lnTo>
                    <a:lnTo>
                      <a:pt x="406" y="22"/>
                    </a:lnTo>
                    <a:lnTo>
                      <a:pt x="392" y="20"/>
                    </a:lnTo>
                    <a:lnTo>
                      <a:pt x="379" y="19"/>
                    </a:lnTo>
                    <a:lnTo>
                      <a:pt x="365" y="15"/>
                    </a:lnTo>
                    <a:lnTo>
                      <a:pt x="350" y="13"/>
                    </a:lnTo>
                    <a:lnTo>
                      <a:pt x="334" y="12"/>
                    </a:lnTo>
                    <a:lnTo>
                      <a:pt x="319" y="8"/>
                    </a:lnTo>
                    <a:lnTo>
                      <a:pt x="304" y="8"/>
                    </a:lnTo>
                    <a:lnTo>
                      <a:pt x="288" y="7"/>
                    </a:lnTo>
                    <a:lnTo>
                      <a:pt x="275" y="5"/>
                    </a:lnTo>
                    <a:lnTo>
                      <a:pt x="259" y="3"/>
                    </a:lnTo>
                    <a:lnTo>
                      <a:pt x="244" y="2"/>
                    </a:lnTo>
                    <a:lnTo>
                      <a:pt x="230" y="2"/>
                    </a:lnTo>
                    <a:lnTo>
                      <a:pt x="217" y="0"/>
                    </a:lnTo>
                    <a:lnTo>
                      <a:pt x="203" y="0"/>
                    </a:lnTo>
                    <a:lnTo>
                      <a:pt x="189" y="0"/>
                    </a:lnTo>
                    <a:lnTo>
                      <a:pt x="178" y="0"/>
                    </a:lnTo>
                    <a:lnTo>
                      <a:pt x="166" y="2"/>
                    </a:lnTo>
                    <a:lnTo>
                      <a:pt x="155" y="3"/>
                    </a:lnTo>
                    <a:lnTo>
                      <a:pt x="145" y="5"/>
                    </a:lnTo>
                    <a:lnTo>
                      <a:pt x="137" y="7"/>
                    </a:lnTo>
                    <a:lnTo>
                      <a:pt x="130" y="8"/>
                    </a:lnTo>
                    <a:lnTo>
                      <a:pt x="123" y="10"/>
                    </a:lnTo>
                    <a:lnTo>
                      <a:pt x="116" y="13"/>
                    </a:lnTo>
                    <a:lnTo>
                      <a:pt x="109" y="17"/>
                    </a:lnTo>
                    <a:lnTo>
                      <a:pt x="101" y="20"/>
                    </a:lnTo>
                    <a:lnTo>
                      <a:pt x="94" y="24"/>
                    </a:lnTo>
                    <a:lnTo>
                      <a:pt x="85" y="29"/>
                    </a:lnTo>
                    <a:lnTo>
                      <a:pt x="77" y="32"/>
                    </a:lnTo>
                    <a:lnTo>
                      <a:pt x="70" y="37"/>
                    </a:lnTo>
                    <a:lnTo>
                      <a:pt x="62" y="42"/>
                    </a:lnTo>
                    <a:lnTo>
                      <a:pt x="55" y="48"/>
                    </a:lnTo>
                    <a:lnTo>
                      <a:pt x="46" y="54"/>
                    </a:lnTo>
                    <a:lnTo>
                      <a:pt x="39" y="61"/>
                    </a:lnTo>
                    <a:lnTo>
                      <a:pt x="33" y="66"/>
                    </a:lnTo>
                    <a:lnTo>
                      <a:pt x="28" y="75"/>
                    </a:lnTo>
                    <a:lnTo>
                      <a:pt x="22" y="82"/>
                    </a:lnTo>
                    <a:lnTo>
                      <a:pt x="9" y="104"/>
                    </a:lnTo>
                    <a:lnTo>
                      <a:pt x="4" y="128"/>
                    </a:lnTo>
                    <a:lnTo>
                      <a:pt x="0" y="150"/>
                    </a:lnTo>
                    <a:lnTo>
                      <a:pt x="0" y="170"/>
                    </a:lnTo>
                    <a:lnTo>
                      <a:pt x="4" y="189"/>
                    </a:lnTo>
                    <a:lnTo>
                      <a:pt x="5" y="203"/>
                    </a:lnTo>
                    <a:lnTo>
                      <a:pt x="9" y="213"/>
                    </a:lnTo>
                    <a:lnTo>
                      <a:pt x="9" y="216"/>
                    </a:lnTo>
                    <a:close/>
                  </a:path>
                </a:pathLst>
              </a:custGeom>
              <a:solidFill>
                <a:srgbClr val="0035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0" name="Freeform 1250"/>
              <p:cNvSpPr>
                <a:spLocks/>
              </p:cNvSpPr>
              <p:nvPr/>
            </p:nvSpPr>
            <p:spPr bwMode="auto">
              <a:xfrm>
                <a:off x="1773778" y="1315506"/>
                <a:ext cx="620003" cy="613352"/>
              </a:xfrm>
              <a:custGeom>
                <a:avLst/>
                <a:gdLst/>
                <a:ahLst/>
                <a:cxnLst>
                  <a:cxn ang="0">
                    <a:pos x="358" y="21"/>
                  </a:cxn>
                  <a:cxn ang="0">
                    <a:pos x="339" y="26"/>
                  </a:cxn>
                  <a:cxn ang="0">
                    <a:pos x="308" y="36"/>
                  </a:cxn>
                  <a:cxn ang="0">
                    <a:pos x="276" y="51"/>
                  </a:cxn>
                  <a:cxn ang="0">
                    <a:pos x="245" y="75"/>
                  </a:cxn>
                  <a:cxn ang="0">
                    <a:pos x="221" y="113"/>
                  </a:cxn>
                  <a:cxn ang="0">
                    <a:pos x="202" y="159"/>
                  </a:cxn>
                  <a:cxn ang="0">
                    <a:pos x="191" y="215"/>
                  </a:cxn>
                  <a:cxn ang="0">
                    <a:pos x="182" y="294"/>
                  </a:cxn>
                  <a:cxn ang="0">
                    <a:pos x="172" y="357"/>
                  </a:cxn>
                  <a:cxn ang="0">
                    <a:pos x="148" y="386"/>
                  </a:cxn>
                  <a:cxn ang="0">
                    <a:pos x="109" y="365"/>
                  </a:cxn>
                  <a:cxn ang="0">
                    <a:pos x="85" y="321"/>
                  </a:cxn>
                  <a:cxn ang="0">
                    <a:pos x="0" y="350"/>
                  </a:cxn>
                  <a:cxn ang="0">
                    <a:pos x="3" y="363"/>
                  </a:cxn>
                  <a:cxn ang="0">
                    <a:pos x="13" y="399"/>
                  </a:cxn>
                  <a:cxn ang="0">
                    <a:pos x="29" y="440"/>
                  </a:cxn>
                  <a:cxn ang="0">
                    <a:pos x="46" y="466"/>
                  </a:cxn>
                  <a:cxn ang="0">
                    <a:pos x="66" y="490"/>
                  </a:cxn>
                  <a:cxn ang="0">
                    <a:pos x="90" y="512"/>
                  </a:cxn>
                  <a:cxn ang="0">
                    <a:pos x="112" y="529"/>
                  </a:cxn>
                  <a:cxn ang="0">
                    <a:pos x="133" y="536"/>
                  </a:cxn>
                  <a:cxn ang="0">
                    <a:pos x="153" y="539"/>
                  </a:cxn>
                  <a:cxn ang="0">
                    <a:pos x="168" y="536"/>
                  </a:cxn>
                  <a:cxn ang="0">
                    <a:pos x="196" y="531"/>
                  </a:cxn>
                  <a:cxn ang="0">
                    <a:pos x="206" y="536"/>
                  </a:cxn>
                  <a:cxn ang="0">
                    <a:pos x="213" y="551"/>
                  </a:cxn>
                  <a:cxn ang="0">
                    <a:pos x="223" y="572"/>
                  </a:cxn>
                  <a:cxn ang="0">
                    <a:pos x="243" y="594"/>
                  </a:cxn>
                  <a:cxn ang="0">
                    <a:pos x="283" y="616"/>
                  </a:cxn>
                  <a:cxn ang="0">
                    <a:pos x="344" y="635"/>
                  </a:cxn>
                  <a:cxn ang="0">
                    <a:pos x="400" y="638"/>
                  </a:cxn>
                  <a:cxn ang="0">
                    <a:pos x="448" y="633"/>
                  </a:cxn>
                  <a:cxn ang="0">
                    <a:pos x="482" y="624"/>
                  </a:cxn>
                  <a:cxn ang="0">
                    <a:pos x="503" y="618"/>
                  </a:cxn>
                  <a:cxn ang="0">
                    <a:pos x="513" y="599"/>
                  </a:cxn>
                  <a:cxn ang="0">
                    <a:pos x="540" y="529"/>
                  </a:cxn>
                  <a:cxn ang="0">
                    <a:pos x="576" y="427"/>
                  </a:cxn>
                  <a:cxn ang="0">
                    <a:pos x="613" y="323"/>
                  </a:cxn>
                  <a:cxn ang="0">
                    <a:pos x="639" y="239"/>
                  </a:cxn>
                  <a:cxn ang="0">
                    <a:pos x="644" y="191"/>
                  </a:cxn>
                  <a:cxn ang="0">
                    <a:pos x="641" y="137"/>
                  </a:cxn>
                  <a:cxn ang="0">
                    <a:pos x="625" y="89"/>
                  </a:cxn>
                  <a:cxn ang="0">
                    <a:pos x="603" y="55"/>
                  </a:cxn>
                  <a:cxn ang="0">
                    <a:pos x="564" y="14"/>
                  </a:cxn>
                  <a:cxn ang="0">
                    <a:pos x="537" y="0"/>
                  </a:cxn>
                  <a:cxn ang="0">
                    <a:pos x="494" y="45"/>
                  </a:cxn>
                  <a:cxn ang="0">
                    <a:pos x="450" y="58"/>
                  </a:cxn>
                  <a:cxn ang="0">
                    <a:pos x="409" y="50"/>
                  </a:cxn>
                  <a:cxn ang="0">
                    <a:pos x="378" y="33"/>
                  </a:cxn>
                  <a:cxn ang="0">
                    <a:pos x="363" y="21"/>
                  </a:cxn>
                </a:cxnLst>
                <a:rect l="0" t="0" r="r" b="b"/>
                <a:pathLst>
                  <a:path w="644" h="638">
                    <a:moveTo>
                      <a:pt x="361" y="21"/>
                    </a:moveTo>
                    <a:lnTo>
                      <a:pt x="361" y="21"/>
                    </a:lnTo>
                    <a:lnTo>
                      <a:pt x="358" y="21"/>
                    </a:lnTo>
                    <a:lnTo>
                      <a:pt x="353" y="22"/>
                    </a:lnTo>
                    <a:lnTo>
                      <a:pt x="346" y="24"/>
                    </a:lnTo>
                    <a:lnTo>
                      <a:pt x="339" y="26"/>
                    </a:lnTo>
                    <a:lnTo>
                      <a:pt x="329" y="29"/>
                    </a:lnTo>
                    <a:lnTo>
                      <a:pt x="318" y="33"/>
                    </a:lnTo>
                    <a:lnTo>
                      <a:pt x="308" y="36"/>
                    </a:lnTo>
                    <a:lnTo>
                      <a:pt x="298" y="41"/>
                    </a:lnTo>
                    <a:lnTo>
                      <a:pt x="286" y="46"/>
                    </a:lnTo>
                    <a:lnTo>
                      <a:pt x="276" y="51"/>
                    </a:lnTo>
                    <a:lnTo>
                      <a:pt x="266" y="58"/>
                    </a:lnTo>
                    <a:lnTo>
                      <a:pt x="255" y="67"/>
                    </a:lnTo>
                    <a:lnTo>
                      <a:pt x="245" y="75"/>
                    </a:lnTo>
                    <a:lnTo>
                      <a:pt x="237" y="86"/>
                    </a:lnTo>
                    <a:lnTo>
                      <a:pt x="230" y="96"/>
                    </a:lnTo>
                    <a:lnTo>
                      <a:pt x="221" y="113"/>
                    </a:lnTo>
                    <a:lnTo>
                      <a:pt x="213" y="128"/>
                    </a:lnTo>
                    <a:lnTo>
                      <a:pt x="208" y="144"/>
                    </a:lnTo>
                    <a:lnTo>
                      <a:pt x="202" y="159"/>
                    </a:lnTo>
                    <a:lnTo>
                      <a:pt x="197" y="176"/>
                    </a:lnTo>
                    <a:lnTo>
                      <a:pt x="194" y="195"/>
                    </a:lnTo>
                    <a:lnTo>
                      <a:pt x="191" y="215"/>
                    </a:lnTo>
                    <a:lnTo>
                      <a:pt x="187" y="241"/>
                    </a:lnTo>
                    <a:lnTo>
                      <a:pt x="184" y="268"/>
                    </a:lnTo>
                    <a:lnTo>
                      <a:pt x="182" y="294"/>
                    </a:lnTo>
                    <a:lnTo>
                      <a:pt x="180" y="317"/>
                    </a:lnTo>
                    <a:lnTo>
                      <a:pt x="177" y="338"/>
                    </a:lnTo>
                    <a:lnTo>
                      <a:pt x="172" y="357"/>
                    </a:lnTo>
                    <a:lnTo>
                      <a:pt x="167" y="370"/>
                    </a:lnTo>
                    <a:lnTo>
                      <a:pt x="158" y="381"/>
                    </a:lnTo>
                    <a:lnTo>
                      <a:pt x="148" y="386"/>
                    </a:lnTo>
                    <a:lnTo>
                      <a:pt x="133" y="386"/>
                    </a:lnTo>
                    <a:lnTo>
                      <a:pt x="121" y="377"/>
                    </a:lnTo>
                    <a:lnTo>
                      <a:pt x="109" y="365"/>
                    </a:lnTo>
                    <a:lnTo>
                      <a:pt x="98" y="350"/>
                    </a:lnTo>
                    <a:lnTo>
                      <a:pt x="90" y="335"/>
                    </a:lnTo>
                    <a:lnTo>
                      <a:pt x="85" y="321"/>
                    </a:lnTo>
                    <a:lnTo>
                      <a:pt x="81" y="312"/>
                    </a:lnTo>
                    <a:lnTo>
                      <a:pt x="80" y="309"/>
                    </a:lnTo>
                    <a:lnTo>
                      <a:pt x="0" y="350"/>
                    </a:lnTo>
                    <a:lnTo>
                      <a:pt x="0" y="352"/>
                    </a:lnTo>
                    <a:lnTo>
                      <a:pt x="1" y="357"/>
                    </a:lnTo>
                    <a:lnTo>
                      <a:pt x="3" y="363"/>
                    </a:lnTo>
                    <a:lnTo>
                      <a:pt x="5" y="374"/>
                    </a:lnTo>
                    <a:lnTo>
                      <a:pt x="8" y="386"/>
                    </a:lnTo>
                    <a:lnTo>
                      <a:pt x="13" y="399"/>
                    </a:lnTo>
                    <a:lnTo>
                      <a:pt x="18" y="415"/>
                    </a:lnTo>
                    <a:lnTo>
                      <a:pt x="25" y="432"/>
                    </a:lnTo>
                    <a:lnTo>
                      <a:pt x="29" y="440"/>
                    </a:lnTo>
                    <a:lnTo>
                      <a:pt x="34" y="449"/>
                    </a:lnTo>
                    <a:lnTo>
                      <a:pt x="39" y="457"/>
                    </a:lnTo>
                    <a:lnTo>
                      <a:pt x="46" y="466"/>
                    </a:lnTo>
                    <a:lnTo>
                      <a:pt x="51" y="474"/>
                    </a:lnTo>
                    <a:lnTo>
                      <a:pt x="59" y="483"/>
                    </a:lnTo>
                    <a:lnTo>
                      <a:pt x="66" y="490"/>
                    </a:lnTo>
                    <a:lnTo>
                      <a:pt x="73" y="498"/>
                    </a:lnTo>
                    <a:lnTo>
                      <a:pt x="81" y="505"/>
                    </a:lnTo>
                    <a:lnTo>
                      <a:pt x="90" y="512"/>
                    </a:lnTo>
                    <a:lnTo>
                      <a:pt x="97" y="519"/>
                    </a:lnTo>
                    <a:lnTo>
                      <a:pt x="105" y="524"/>
                    </a:lnTo>
                    <a:lnTo>
                      <a:pt x="112" y="529"/>
                    </a:lnTo>
                    <a:lnTo>
                      <a:pt x="119" y="532"/>
                    </a:lnTo>
                    <a:lnTo>
                      <a:pt x="126" y="534"/>
                    </a:lnTo>
                    <a:lnTo>
                      <a:pt x="133" y="536"/>
                    </a:lnTo>
                    <a:lnTo>
                      <a:pt x="141" y="537"/>
                    </a:lnTo>
                    <a:lnTo>
                      <a:pt x="148" y="537"/>
                    </a:lnTo>
                    <a:lnTo>
                      <a:pt x="153" y="539"/>
                    </a:lnTo>
                    <a:lnTo>
                      <a:pt x="158" y="537"/>
                    </a:lnTo>
                    <a:lnTo>
                      <a:pt x="162" y="537"/>
                    </a:lnTo>
                    <a:lnTo>
                      <a:pt x="168" y="536"/>
                    </a:lnTo>
                    <a:lnTo>
                      <a:pt x="177" y="534"/>
                    </a:lnTo>
                    <a:lnTo>
                      <a:pt x="191" y="531"/>
                    </a:lnTo>
                    <a:lnTo>
                      <a:pt x="196" y="531"/>
                    </a:lnTo>
                    <a:lnTo>
                      <a:pt x="199" y="532"/>
                    </a:lnTo>
                    <a:lnTo>
                      <a:pt x="202" y="534"/>
                    </a:lnTo>
                    <a:lnTo>
                      <a:pt x="206" y="536"/>
                    </a:lnTo>
                    <a:lnTo>
                      <a:pt x="208" y="541"/>
                    </a:lnTo>
                    <a:lnTo>
                      <a:pt x="209" y="546"/>
                    </a:lnTo>
                    <a:lnTo>
                      <a:pt x="213" y="551"/>
                    </a:lnTo>
                    <a:lnTo>
                      <a:pt x="214" y="558"/>
                    </a:lnTo>
                    <a:lnTo>
                      <a:pt x="218" y="565"/>
                    </a:lnTo>
                    <a:lnTo>
                      <a:pt x="223" y="572"/>
                    </a:lnTo>
                    <a:lnTo>
                      <a:pt x="228" y="578"/>
                    </a:lnTo>
                    <a:lnTo>
                      <a:pt x="235" y="587"/>
                    </a:lnTo>
                    <a:lnTo>
                      <a:pt x="243" y="594"/>
                    </a:lnTo>
                    <a:lnTo>
                      <a:pt x="254" y="602"/>
                    </a:lnTo>
                    <a:lnTo>
                      <a:pt x="267" y="609"/>
                    </a:lnTo>
                    <a:lnTo>
                      <a:pt x="283" y="616"/>
                    </a:lnTo>
                    <a:lnTo>
                      <a:pt x="303" y="624"/>
                    </a:lnTo>
                    <a:lnTo>
                      <a:pt x="324" y="629"/>
                    </a:lnTo>
                    <a:lnTo>
                      <a:pt x="344" y="635"/>
                    </a:lnTo>
                    <a:lnTo>
                      <a:pt x="363" y="636"/>
                    </a:lnTo>
                    <a:lnTo>
                      <a:pt x="383" y="638"/>
                    </a:lnTo>
                    <a:lnTo>
                      <a:pt x="400" y="638"/>
                    </a:lnTo>
                    <a:lnTo>
                      <a:pt x="417" y="636"/>
                    </a:lnTo>
                    <a:lnTo>
                      <a:pt x="433" y="636"/>
                    </a:lnTo>
                    <a:lnTo>
                      <a:pt x="448" y="633"/>
                    </a:lnTo>
                    <a:lnTo>
                      <a:pt x="462" y="631"/>
                    </a:lnTo>
                    <a:lnTo>
                      <a:pt x="474" y="628"/>
                    </a:lnTo>
                    <a:lnTo>
                      <a:pt x="482" y="624"/>
                    </a:lnTo>
                    <a:lnTo>
                      <a:pt x="491" y="623"/>
                    </a:lnTo>
                    <a:lnTo>
                      <a:pt x="497" y="619"/>
                    </a:lnTo>
                    <a:lnTo>
                      <a:pt x="503" y="618"/>
                    </a:lnTo>
                    <a:lnTo>
                      <a:pt x="504" y="616"/>
                    </a:lnTo>
                    <a:lnTo>
                      <a:pt x="508" y="611"/>
                    </a:lnTo>
                    <a:lnTo>
                      <a:pt x="513" y="599"/>
                    </a:lnTo>
                    <a:lnTo>
                      <a:pt x="520" y="580"/>
                    </a:lnTo>
                    <a:lnTo>
                      <a:pt x="530" y="556"/>
                    </a:lnTo>
                    <a:lnTo>
                      <a:pt x="540" y="529"/>
                    </a:lnTo>
                    <a:lnTo>
                      <a:pt x="552" y="496"/>
                    </a:lnTo>
                    <a:lnTo>
                      <a:pt x="564" y="462"/>
                    </a:lnTo>
                    <a:lnTo>
                      <a:pt x="576" y="427"/>
                    </a:lnTo>
                    <a:lnTo>
                      <a:pt x="589" y="391"/>
                    </a:lnTo>
                    <a:lnTo>
                      <a:pt x="601" y="357"/>
                    </a:lnTo>
                    <a:lnTo>
                      <a:pt x="613" y="323"/>
                    </a:lnTo>
                    <a:lnTo>
                      <a:pt x="622" y="290"/>
                    </a:lnTo>
                    <a:lnTo>
                      <a:pt x="630" y="263"/>
                    </a:lnTo>
                    <a:lnTo>
                      <a:pt x="639" y="239"/>
                    </a:lnTo>
                    <a:lnTo>
                      <a:pt x="642" y="220"/>
                    </a:lnTo>
                    <a:lnTo>
                      <a:pt x="644" y="208"/>
                    </a:lnTo>
                    <a:lnTo>
                      <a:pt x="644" y="191"/>
                    </a:lnTo>
                    <a:lnTo>
                      <a:pt x="644" y="173"/>
                    </a:lnTo>
                    <a:lnTo>
                      <a:pt x="642" y="155"/>
                    </a:lnTo>
                    <a:lnTo>
                      <a:pt x="641" y="137"/>
                    </a:lnTo>
                    <a:lnTo>
                      <a:pt x="635" y="120"/>
                    </a:lnTo>
                    <a:lnTo>
                      <a:pt x="630" y="103"/>
                    </a:lnTo>
                    <a:lnTo>
                      <a:pt x="625" y="89"/>
                    </a:lnTo>
                    <a:lnTo>
                      <a:pt x="620" y="77"/>
                    </a:lnTo>
                    <a:lnTo>
                      <a:pt x="613" y="67"/>
                    </a:lnTo>
                    <a:lnTo>
                      <a:pt x="603" y="55"/>
                    </a:lnTo>
                    <a:lnTo>
                      <a:pt x="591" y="41"/>
                    </a:lnTo>
                    <a:lnTo>
                      <a:pt x="578" y="28"/>
                    </a:lnTo>
                    <a:lnTo>
                      <a:pt x="564" y="14"/>
                    </a:lnTo>
                    <a:lnTo>
                      <a:pt x="550" y="5"/>
                    </a:lnTo>
                    <a:lnTo>
                      <a:pt x="542" y="0"/>
                    </a:lnTo>
                    <a:lnTo>
                      <a:pt x="537" y="0"/>
                    </a:lnTo>
                    <a:lnTo>
                      <a:pt x="523" y="21"/>
                    </a:lnTo>
                    <a:lnTo>
                      <a:pt x="508" y="34"/>
                    </a:lnTo>
                    <a:lnTo>
                      <a:pt x="494" y="45"/>
                    </a:lnTo>
                    <a:lnTo>
                      <a:pt x="479" y="53"/>
                    </a:lnTo>
                    <a:lnTo>
                      <a:pt x="463" y="57"/>
                    </a:lnTo>
                    <a:lnTo>
                      <a:pt x="450" y="58"/>
                    </a:lnTo>
                    <a:lnTo>
                      <a:pt x="436" y="57"/>
                    </a:lnTo>
                    <a:lnTo>
                      <a:pt x="422" y="53"/>
                    </a:lnTo>
                    <a:lnTo>
                      <a:pt x="409" y="50"/>
                    </a:lnTo>
                    <a:lnTo>
                      <a:pt x="399" y="45"/>
                    </a:lnTo>
                    <a:lnTo>
                      <a:pt x="388" y="40"/>
                    </a:lnTo>
                    <a:lnTo>
                      <a:pt x="378" y="33"/>
                    </a:lnTo>
                    <a:lnTo>
                      <a:pt x="371" y="29"/>
                    </a:lnTo>
                    <a:lnTo>
                      <a:pt x="366" y="24"/>
                    </a:lnTo>
                    <a:lnTo>
                      <a:pt x="363" y="21"/>
                    </a:lnTo>
                    <a:lnTo>
                      <a:pt x="361" y="21"/>
                    </a:lnTo>
                    <a:close/>
                  </a:path>
                </a:pathLst>
              </a:custGeom>
              <a:solidFill>
                <a:srgbClr val="D87C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1" name="Freeform 1249"/>
              <p:cNvSpPr>
                <a:spLocks/>
              </p:cNvSpPr>
              <p:nvPr/>
            </p:nvSpPr>
            <p:spPr bwMode="auto">
              <a:xfrm>
                <a:off x="1474097" y="948155"/>
                <a:ext cx="488737" cy="599318"/>
              </a:xfrm>
              <a:custGeom>
                <a:avLst/>
                <a:gdLst/>
                <a:ahLst/>
                <a:cxnLst>
                  <a:cxn ang="0">
                    <a:pos x="11" y="89"/>
                  </a:cxn>
                  <a:cxn ang="0">
                    <a:pos x="33" y="498"/>
                  </a:cxn>
                  <a:cxn ang="0">
                    <a:pos x="155" y="500"/>
                  </a:cxn>
                  <a:cxn ang="0">
                    <a:pos x="155" y="514"/>
                  </a:cxn>
                  <a:cxn ang="0">
                    <a:pos x="0" y="527"/>
                  </a:cxn>
                  <a:cxn ang="0">
                    <a:pos x="0" y="573"/>
                  </a:cxn>
                  <a:cxn ang="0">
                    <a:pos x="128" y="623"/>
                  </a:cxn>
                  <a:cxn ang="0">
                    <a:pos x="478" y="548"/>
                  </a:cxn>
                  <a:cxn ang="0">
                    <a:pos x="478" y="520"/>
                  </a:cxn>
                  <a:cxn ang="0">
                    <a:pos x="369" y="500"/>
                  </a:cxn>
                  <a:cxn ang="0">
                    <a:pos x="369" y="478"/>
                  </a:cxn>
                  <a:cxn ang="0">
                    <a:pos x="495" y="433"/>
                  </a:cxn>
                  <a:cxn ang="0">
                    <a:pos x="508" y="11"/>
                  </a:cxn>
                  <a:cxn ang="0">
                    <a:pos x="91" y="0"/>
                  </a:cxn>
                  <a:cxn ang="0">
                    <a:pos x="11" y="89"/>
                  </a:cxn>
                </a:cxnLst>
                <a:rect l="0" t="0" r="r" b="b"/>
                <a:pathLst>
                  <a:path w="508" h="623">
                    <a:moveTo>
                      <a:pt x="11" y="89"/>
                    </a:moveTo>
                    <a:lnTo>
                      <a:pt x="33" y="498"/>
                    </a:lnTo>
                    <a:lnTo>
                      <a:pt x="155" y="500"/>
                    </a:lnTo>
                    <a:lnTo>
                      <a:pt x="155" y="514"/>
                    </a:lnTo>
                    <a:lnTo>
                      <a:pt x="0" y="527"/>
                    </a:lnTo>
                    <a:lnTo>
                      <a:pt x="0" y="573"/>
                    </a:lnTo>
                    <a:lnTo>
                      <a:pt x="128" y="623"/>
                    </a:lnTo>
                    <a:lnTo>
                      <a:pt x="478" y="548"/>
                    </a:lnTo>
                    <a:lnTo>
                      <a:pt x="478" y="520"/>
                    </a:lnTo>
                    <a:lnTo>
                      <a:pt x="369" y="500"/>
                    </a:lnTo>
                    <a:lnTo>
                      <a:pt x="369" y="478"/>
                    </a:lnTo>
                    <a:lnTo>
                      <a:pt x="495" y="433"/>
                    </a:lnTo>
                    <a:lnTo>
                      <a:pt x="508" y="11"/>
                    </a:lnTo>
                    <a:lnTo>
                      <a:pt x="91" y="0"/>
                    </a:lnTo>
                    <a:lnTo>
                      <a:pt x="11" y="89"/>
                    </a:lnTo>
                    <a:close/>
                  </a:path>
                </a:pathLst>
              </a:custGeom>
              <a:solidFill>
                <a:srgbClr val="D8D8D8"/>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2" name="Freeform 1248"/>
              <p:cNvSpPr>
                <a:spLocks/>
              </p:cNvSpPr>
              <p:nvPr/>
            </p:nvSpPr>
            <p:spPr bwMode="auto">
              <a:xfrm>
                <a:off x="1550049" y="1464923"/>
                <a:ext cx="429296" cy="172531"/>
              </a:xfrm>
              <a:custGeom>
                <a:avLst/>
                <a:gdLst/>
                <a:ahLst/>
                <a:cxnLst>
                  <a:cxn ang="0">
                    <a:pos x="1" y="70"/>
                  </a:cxn>
                  <a:cxn ang="0">
                    <a:pos x="0" y="106"/>
                  </a:cxn>
                  <a:cxn ang="0">
                    <a:pos x="172" y="180"/>
                  </a:cxn>
                  <a:cxn ang="0">
                    <a:pos x="436" y="101"/>
                  </a:cxn>
                  <a:cxn ang="0">
                    <a:pos x="446" y="21"/>
                  </a:cxn>
                  <a:cxn ang="0">
                    <a:pos x="387" y="0"/>
                  </a:cxn>
                  <a:cxn ang="0">
                    <a:pos x="1" y="70"/>
                  </a:cxn>
                </a:cxnLst>
                <a:rect l="0" t="0" r="r" b="b"/>
                <a:pathLst>
                  <a:path w="446" h="180">
                    <a:moveTo>
                      <a:pt x="1" y="70"/>
                    </a:moveTo>
                    <a:lnTo>
                      <a:pt x="0" y="106"/>
                    </a:lnTo>
                    <a:lnTo>
                      <a:pt x="172" y="180"/>
                    </a:lnTo>
                    <a:lnTo>
                      <a:pt x="436" y="101"/>
                    </a:lnTo>
                    <a:lnTo>
                      <a:pt x="446" y="21"/>
                    </a:lnTo>
                    <a:lnTo>
                      <a:pt x="387" y="0"/>
                    </a:lnTo>
                    <a:lnTo>
                      <a:pt x="1" y="70"/>
                    </a:lnTo>
                    <a:close/>
                  </a:path>
                </a:pathLst>
              </a:custGeom>
              <a:solidFill>
                <a:srgbClr val="BFBFB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3" name="Freeform 1247"/>
              <p:cNvSpPr>
                <a:spLocks/>
              </p:cNvSpPr>
              <p:nvPr/>
            </p:nvSpPr>
            <p:spPr bwMode="auto">
              <a:xfrm>
                <a:off x="1895963" y="1478131"/>
                <a:ext cx="83383" cy="113094"/>
              </a:xfrm>
              <a:custGeom>
                <a:avLst/>
                <a:gdLst/>
                <a:ahLst/>
                <a:cxnLst>
                  <a:cxn ang="0">
                    <a:pos x="4" y="33"/>
                  </a:cxn>
                  <a:cxn ang="0">
                    <a:pos x="4" y="36"/>
                  </a:cxn>
                  <a:cxn ang="0">
                    <a:pos x="4" y="39"/>
                  </a:cxn>
                  <a:cxn ang="0">
                    <a:pos x="2" y="43"/>
                  </a:cxn>
                  <a:cxn ang="0">
                    <a:pos x="4" y="48"/>
                  </a:cxn>
                  <a:cxn ang="0">
                    <a:pos x="11" y="53"/>
                  </a:cxn>
                  <a:cxn ang="0">
                    <a:pos x="16" y="60"/>
                  </a:cxn>
                  <a:cxn ang="0">
                    <a:pos x="23" y="65"/>
                  </a:cxn>
                  <a:cxn ang="0">
                    <a:pos x="28" y="70"/>
                  </a:cxn>
                  <a:cxn ang="0">
                    <a:pos x="35" y="73"/>
                  </a:cxn>
                  <a:cxn ang="0">
                    <a:pos x="38" y="77"/>
                  </a:cxn>
                  <a:cxn ang="0">
                    <a:pos x="41" y="79"/>
                  </a:cxn>
                  <a:cxn ang="0">
                    <a:pos x="43" y="80"/>
                  </a:cxn>
                  <a:cxn ang="0">
                    <a:pos x="67" y="118"/>
                  </a:cxn>
                  <a:cxn ang="0">
                    <a:pos x="87" y="19"/>
                  </a:cxn>
                  <a:cxn ang="0">
                    <a:pos x="35" y="0"/>
                  </a:cxn>
                  <a:cxn ang="0">
                    <a:pos x="33" y="0"/>
                  </a:cxn>
                  <a:cxn ang="0">
                    <a:pos x="28" y="2"/>
                  </a:cxn>
                  <a:cxn ang="0">
                    <a:pos x="23" y="5"/>
                  </a:cxn>
                  <a:cxn ang="0">
                    <a:pos x="14" y="9"/>
                  </a:cxn>
                  <a:cxn ang="0">
                    <a:pos x="7" y="14"/>
                  </a:cxn>
                  <a:cxn ang="0">
                    <a:pos x="4" y="19"/>
                  </a:cxn>
                  <a:cxn ang="0">
                    <a:pos x="0" y="26"/>
                  </a:cxn>
                  <a:cxn ang="0">
                    <a:pos x="4" y="33"/>
                  </a:cxn>
                </a:cxnLst>
                <a:rect l="0" t="0" r="r" b="b"/>
                <a:pathLst>
                  <a:path w="87" h="118">
                    <a:moveTo>
                      <a:pt x="4" y="33"/>
                    </a:moveTo>
                    <a:lnTo>
                      <a:pt x="4" y="36"/>
                    </a:lnTo>
                    <a:lnTo>
                      <a:pt x="4" y="39"/>
                    </a:lnTo>
                    <a:lnTo>
                      <a:pt x="2" y="43"/>
                    </a:lnTo>
                    <a:lnTo>
                      <a:pt x="4" y="48"/>
                    </a:lnTo>
                    <a:lnTo>
                      <a:pt x="11" y="53"/>
                    </a:lnTo>
                    <a:lnTo>
                      <a:pt x="16" y="60"/>
                    </a:lnTo>
                    <a:lnTo>
                      <a:pt x="23" y="65"/>
                    </a:lnTo>
                    <a:lnTo>
                      <a:pt x="28" y="70"/>
                    </a:lnTo>
                    <a:lnTo>
                      <a:pt x="35" y="73"/>
                    </a:lnTo>
                    <a:lnTo>
                      <a:pt x="38" y="77"/>
                    </a:lnTo>
                    <a:lnTo>
                      <a:pt x="41" y="79"/>
                    </a:lnTo>
                    <a:lnTo>
                      <a:pt x="43" y="80"/>
                    </a:lnTo>
                    <a:lnTo>
                      <a:pt x="67" y="118"/>
                    </a:lnTo>
                    <a:lnTo>
                      <a:pt x="87" y="19"/>
                    </a:lnTo>
                    <a:lnTo>
                      <a:pt x="35" y="0"/>
                    </a:lnTo>
                    <a:lnTo>
                      <a:pt x="33" y="0"/>
                    </a:lnTo>
                    <a:lnTo>
                      <a:pt x="28" y="2"/>
                    </a:lnTo>
                    <a:lnTo>
                      <a:pt x="23" y="5"/>
                    </a:lnTo>
                    <a:lnTo>
                      <a:pt x="14" y="9"/>
                    </a:lnTo>
                    <a:lnTo>
                      <a:pt x="7" y="14"/>
                    </a:lnTo>
                    <a:lnTo>
                      <a:pt x="4" y="19"/>
                    </a:lnTo>
                    <a:lnTo>
                      <a:pt x="0" y="26"/>
                    </a:lnTo>
                    <a:lnTo>
                      <a:pt x="4" y="33"/>
                    </a:lnTo>
                    <a:close/>
                  </a:path>
                </a:pathLst>
              </a:custGeom>
              <a:solidFill>
                <a:srgbClr val="F2CCB2"/>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4" name="Freeform 1246"/>
              <p:cNvSpPr>
                <a:spLocks/>
              </p:cNvSpPr>
              <p:nvPr/>
            </p:nvSpPr>
            <p:spPr bwMode="auto">
              <a:xfrm>
                <a:off x="1745709" y="1502896"/>
                <a:ext cx="128789" cy="144464"/>
              </a:xfrm>
              <a:custGeom>
                <a:avLst/>
                <a:gdLst/>
                <a:ahLst/>
                <a:cxnLst>
                  <a:cxn ang="0">
                    <a:pos x="5" y="36"/>
                  </a:cxn>
                  <a:cxn ang="0">
                    <a:pos x="12" y="58"/>
                  </a:cxn>
                  <a:cxn ang="0">
                    <a:pos x="13" y="80"/>
                  </a:cxn>
                  <a:cxn ang="0">
                    <a:pos x="13" y="100"/>
                  </a:cxn>
                  <a:cxn ang="0">
                    <a:pos x="13" y="124"/>
                  </a:cxn>
                  <a:cxn ang="0">
                    <a:pos x="22" y="143"/>
                  </a:cxn>
                  <a:cxn ang="0">
                    <a:pos x="39" y="150"/>
                  </a:cxn>
                  <a:cxn ang="0">
                    <a:pos x="63" y="141"/>
                  </a:cxn>
                  <a:cxn ang="0">
                    <a:pos x="88" y="126"/>
                  </a:cxn>
                  <a:cxn ang="0">
                    <a:pos x="104" y="114"/>
                  </a:cxn>
                  <a:cxn ang="0">
                    <a:pos x="107" y="109"/>
                  </a:cxn>
                  <a:cxn ang="0">
                    <a:pos x="116" y="97"/>
                  </a:cxn>
                  <a:cxn ang="0">
                    <a:pos x="124" y="80"/>
                  </a:cxn>
                  <a:cxn ang="0">
                    <a:pos x="133" y="64"/>
                  </a:cxn>
                  <a:cxn ang="0">
                    <a:pos x="134" y="49"/>
                  </a:cxn>
                  <a:cxn ang="0">
                    <a:pos x="127" y="10"/>
                  </a:cxn>
                  <a:cxn ang="0">
                    <a:pos x="114" y="1"/>
                  </a:cxn>
                  <a:cxn ang="0">
                    <a:pos x="107" y="10"/>
                  </a:cxn>
                  <a:cxn ang="0">
                    <a:pos x="102" y="20"/>
                  </a:cxn>
                  <a:cxn ang="0">
                    <a:pos x="100" y="29"/>
                  </a:cxn>
                  <a:cxn ang="0">
                    <a:pos x="100" y="30"/>
                  </a:cxn>
                  <a:cxn ang="0">
                    <a:pos x="97" y="24"/>
                  </a:cxn>
                  <a:cxn ang="0">
                    <a:pos x="92" y="13"/>
                  </a:cxn>
                  <a:cxn ang="0">
                    <a:pos x="87" y="3"/>
                  </a:cxn>
                  <a:cxn ang="0">
                    <a:pos x="81" y="0"/>
                  </a:cxn>
                  <a:cxn ang="0">
                    <a:pos x="73" y="0"/>
                  </a:cxn>
                  <a:cxn ang="0">
                    <a:pos x="61" y="1"/>
                  </a:cxn>
                  <a:cxn ang="0">
                    <a:pos x="46" y="5"/>
                  </a:cxn>
                  <a:cxn ang="0">
                    <a:pos x="29" y="8"/>
                  </a:cxn>
                  <a:cxn ang="0">
                    <a:pos x="15" y="13"/>
                  </a:cxn>
                  <a:cxn ang="0">
                    <a:pos x="3" y="18"/>
                  </a:cxn>
                  <a:cxn ang="0">
                    <a:pos x="0" y="24"/>
                  </a:cxn>
                </a:cxnLst>
                <a:rect l="0" t="0" r="r" b="b"/>
                <a:pathLst>
                  <a:path w="134" h="150">
                    <a:moveTo>
                      <a:pt x="0" y="27"/>
                    </a:moveTo>
                    <a:lnTo>
                      <a:pt x="5" y="36"/>
                    </a:lnTo>
                    <a:lnTo>
                      <a:pt x="10" y="46"/>
                    </a:lnTo>
                    <a:lnTo>
                      <a:pt x="12" y="58"/>
                    </a:lnTo>
                    <a:lnTo>
                      <a:pt x="13" y="71"/>
                    </a:lnTo>
                    <a:lnTo>
                      <a:pt x="13" y="80"/>
                    </a:lnTo>
                    <a:lnTo>
                      <a:pt x="13" y="90"/>
                    </a:lnTo>
                    <a:lnTo>
                      <a:pt x="13" y="100"/>
                    </a:lnTo>
                    <a:lnTo>
                      <a:pt x="13" y="112"/>
                    </a:lnTo>
                    <a:lnTo>
                      <a:pt x="13" y="124"/>
                    </a:lnTo>
                    <a:lnTo>
                      <a:pt x="17" y="134"/>
                    </a:lnTo>
                    <a:lnTo>
                      <a:pt x="22" y="143"/>
                    </a:lnTo>
                    <a:lnTo>
                      <a:pt x="29" y="148"/>
                    </a:lnTo>
                    <a:lnTo>
                      <a:pt x="39" y="150"/>
                    </a:lnTo>
                    <a:lnTo>
                      <a:pt x="51" y="148"/>
                    </a:lnTo>
                    <a:lnTo>
                      <a:pt x="63" y="141"/>
                    </a:lnTo>
                    <a:lnTo>
                      <a:pt x="76" y="134"/>
                    </a:lnTo>
                    <a:lnTo>
                      <a:pt x="88" y="126"/>
                    </a:lnTo>
                    <a:lnTo>
                      <a:pt x="97" y="119"/>
                    </a:lnTo>
                    <a:lnTo>
                      <a:pt x="104" y="114"/>
                    </a:lnTo>
                    <a:lnTo>
                      <a:pt x="107" y="111"/>
                    </a:lnTo>
                    <a:lnTo>
                      <a:pt x="107" y="109"/>
                    </a:lnTo>
                    <a:lnTo>
                      <a:pt x="110" y="105"/>
                    </a:lnTo>
                    <a:lnTo>
                      <a:pt x="116" y="97"/>
                    </a:lnTo>
                    <a:lnTo>
                      <a:pt x="121" y="88"/>
                    </a:lnTo>
                    <a:lnTo>
                      <a:pt x="124" y="80"/>
                    </a:lnTo>
                    <a:lnTo>
                      <a:pt x="129" y="71"/>
                    </a:lnTo>
                    <a:lnTo>
                      <a:pt x="133" y="64"/>
                    </a:lnTo>
                    <a:lnTo>
                      <a:pt x="134" y="61"/>
                    </a:lnTo>
                    <a:lnTo>
                      <a:pt x="134" y="49"/>
                    </a:lnTo>
                    <a:lnTo>
                      <a:pt x="133" y="29"/>
                    </a:lnTo>
                    <a:lnTo>
                      <a:pt x="127" y="10"/>
                    </a:lnTo>
                    <a:lnTo>
                      <a:pt x="119" y="1"/>
                    </a:lnTo>
                    <a:lnTo>
                      <a:pt x="114" y="1"/>
                    </a:lnTo>
                    <a:lnTo>
                      <a:pt x="110" y="5"/>
                    </a:lnTo>
                    <a:lnTo>
                      <a:pt x="107" y="10"/>
                    </a:lnTo>
                    <a:lnTo>
                      <a:pt x="104" y="15"/>
                    </a:lnTo>
                    <a:lnTo>
                      <a:pt x="102" y="20"/>
                    </a:lnTo>
                    <a:lnTo>
                      <a:pt x="102" y="27"/>
                    </a:lnTo>
                    <a:lnTo>
                      <a:pt x="100" y="29"/>
                    </a:lnTo>
                    <a:lnTo>
                      <a:pt x="100" y="30"/>
                    </a:lnTo>
                    <a:lnTo>
                      <a:pt x="99" y="27"/>
                    </a:lnTo>
                    <a:lnTo>
                      <a:pt x="97" y="24"/>
                    </a:lnTo>
                    <a:lnTo>
                      <a:pt x="93" y="18"/>
                    </a:lnTo>
                    <a:lnTo>
                      <a:pt x="92" y="13"/>
                    </a:lnTo>
                    <a:lnTo>
                      <a:pt x="88" y="8"/>
                    </a:lnTo>
                    <a:lnTo>
                      <a:pt x="87" y="3"/>
                    </a:lnTo>
                    <a:lnTo>
                      <a:pt x="83" y="1"/>
                    </a:lnTo>
                    <a:lnTo>
                      <a:pt x="81" y="0"/>
                    </a:lnTo>
                    <a:lnTo>
                      <a:pt x="78" y="0"/>
                    </a:lnTo>
                    <a:lnTo>
                      <a:pt x="73" y="0"/>
                    </a:lnTo>
                    <a:lnTo>
                      <a:pt x="68" y="1"/>
                    </a:lnTo>
                    <a:lnTo>
                      <a:pt x="61" y="1"/>
                    </a:lnTo>
                    <a:lnTo>
                      <a:pt x="52" y="3"/>
                    </a:lnTo>
                    <a:lnTo>
                      <a:pt x="46" y="5"/>
                    </a:lnTo>
                    <a:lnTo>
                      <a:pt x="37" y="7"/>
                    </a:lnTo>
                    <a:lnTo>
                      <a:pt x="29" y="8"/>
                    </a:lnTo>
                    <a:lnTo>
                      <a:pt x="22" y="12"/>
                    </a:lnTo>
                    <a:lnTo>
                      <a:pt x="15" y="13"/>
                    </a:lnTo>
                    <a:lnTo>
                      <a:pt x="8" y="17"/>
                    </a:lnTo>
                    <a:lnTo>
                      <a:pt x="3" y="18"/>
                    </a:lnTo>
                    <a:lnTo>
                      <a:pt x="0" y="22"/>
                    </a:lnTo>
                    <a:lnTo>
                      <a:pt x="0" y="24"/>
                    </a:lnTo>
                    <a:lnTo>
                      <a:pt x="0" y="27"/>
                    </a:lnTo>
                    <a:close/>
                  </a:path>
                </a:pathLst>
              </a:custGeom>
              <a:solidFill>
                <a:srgbClr val="F2CCB2"/>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5" name="Freeform 1245"/>
              <p:cNvSpPr>
                <a:spLocks/>
              </p:cNvSpPr>
              <p:nvPr/>
            </p:nvSpPr>
            <p:spPr bwMode="auto">
              <a:xfrm>
                <a:off x="2070158" y="1526836"/>
                <a:ext cx="355820" cy="343411"/>
              </a:xfrm>
              <a:custGeom>
                <a:avLst/>
                <a:gdLst/>
                <a:ahLst/>
                <a:cxnLst>
                  <a:cxn ang="0">
                    <a:pos x="55" y="48"/>
                  </a:cxn>
                  <a:cxn ang="0">
                    <a:pos x="39" y="68"/>
                  </a:cxn>
                  <a:cxn ang="0">
                    <a:pos x="24" y="96"/>
                  </a:cxn>
                  <a:cxn ang="0">
                    <a:pos x="16" y="121"/>
                  </a:cxn>
                  <a:cxn ang="0">
                    <a:pos x="9" y="179"/>
                  </a:cxn>
                  <a:cxn ang="0">
                    <a:pos x="2" y="258"/>
                  </a:cxn>
                  <a:cxn ang="0">
                    <a:pos x="2" y="273"/>
                  </a:cxn>
                  <a:cxn ang="0">
                    <a:pos x="7" y="290"/>
                  </a:cxn>
                  <a:cxn ang="0">
                    <a:pos x="19" y="316"/>
                  </a:cxn>
                  <a:cxn ang="0">
                    <a:pos x="41" y="338"/>
                  </a:cxn>
                  <a:cxn ang="0">
                    <a:pos x="68" y="350"/>
                  </a:cxn>
                  <a:cxn ang="0">
                    <a:pos x="94" y="355"/>
                  </a:cxn>
                  <a:cxn ang="0">
                    <a:pos x="114" y="357"/>
                  </a:cxn>
                  <a:cxn ang="0">
                    <a:pos x="135" y="355"/>
                  </a:cxn>
                  <a:cxn ang="0">
                    <a:pos x="152" y="352"/>
                  </a:cxn>
                  <a:cxn ang="0">
                    <a:pos x="166" y="348"/>
                  </a:cxn>
                  <a:cxn ang="0">
                    <a:pos x="174" y="346"/>
                  </a:cxn>
                  <a:cxn ang="0">
                    <a:pos x="179" y="345"/>
                  </a:cxn>
                  <a:cxn ang="0">
                    <a:pos x="181" y="343"/>
                  </a:cxn>
                  <a:cxn ang="0">
                    <a:pos x="195" y="338"/>
                  </a:cxn>
                  <a:cxn ang="0">
                    <a:pos x="215" y="331"/>
                  </a:cxn>
                  <a:cxn ang="0">
                    <a:pos x="244" y="321"/>
                  </a:cxn>
                  <a:cxn ang="0">
                    <a:pos x="273" y="311"/>
                  </a:cxn>
                  <a:cxn ang="0">
                    <a:pos x="302" y="299"/>
                  </a:cxn>
                  <a:cxn ang="0">
                    <a:pos x="326" y="288"/>
                  </a:cxn>
                  <a:cxn ang="0">
                    <a:pos x="341" y="280"/>
                  </a:cxn>
                  <a:cxn ang="0">
                    <a:pos x="353" y="254"/>
                  </a:cxn>
                  <a:cxn ang="0">
                    <a:pos x="367" y="190"/>
                  </a:cxn>
                  <a:cxn ang="0">
                    <a:pos x="370" y="115"/>
                  </a:cxn>
                  <a:cxn ang="0">
                    <a:pos x="365" y="55"/>
                  </a:cxn>
                  <a:cxn ang="0">
                    <a:pos x="345" y="24"/>
                  </a:cxn>
                  <a:cxn ang="0">
                    <a:pos x="324" y="9"/>
                  </a:cxn>
                  <a:cxn ang="0">
                    <a:pos x="307" y="2"/>
                  </a:cxn>
                  <a:cxn ang="0">
                    <a:pos x="297" y="0"/>
                  </a:cxn>
                  <a:cxn ang="0">
                    <a:pos x="295" y="0"/>
                  </a:cxn>
                  <a:cxn ang="0">
                    <a:pos x="288" y="0"/>
                  </a:cxn>
                  <a:cxn ang="0">
                    <a:pos x="275" y="0"/>
                  </a:cxn>
                  <a:cxn ang="0">
                    <a:pos x="256" y="0"/>
                  </a:cxn>
                  <a:cxn ang="0">
                    <a:pos x="234" y="2"/>
                  </a:cxn>
                  <a:cxn ang="0">
                    <a:pos x="210" y="4"/>
                  </a:cxn>
                  <a:cxn ang="0">
                    <a:pos x="184" y="7"/>
                  </a:cxn>
                  <a:cxn ang="0">
                    <a:pos x="159" y="12"/>
                  </a:cxn>
                  <a:cxn ang="0">
                    <a:pos x="131" y="21"/>
                  </a:cxn>
                  <a:cxn ang="0">
                    <a:pos x="106" y="28"/>
                  </a:cxn>
                  <a:cxn ang="0">
                    <a:pos x="85" y="34"/>
                  </a:cxn>
                  <a:cxn ang="0">
                    <a:pos x="70" y="39"/>
                  </a:cxn>
                </a:cxnLst>
                <a:rect l="0" t="0" r="r" b="b"/>
                <a:pathLst>
                  <a:path w="370" h="357">
                    <a:moveTo>
                      <a:pt x="63" y="43"/>
                    </a:moveTo>
                    <a:lnTo>
                      <a:pt x="55" y="48"/>
                    </a:lnTo>
                    <a:lnTo>
                      <a:pt x="46" y="57"/>
                    </a:lnTo>
                    <a:lnTo>
                      <a:pt x="39" y="68"/>
                    </a:lnTo>
                    <a:lnTo>
                      <a:pt x="31" y="80"/>
                    </a:lnTo>
                    <a:lnTo>
                      <a:pt x="24" y="96"/>
                    </a:lnTo>
                    <a:lnTo>
                      <a:pt x="19" y="109"/>
                    </a:lnTo>
                    <a:lnTo>
                      <a:pt x="16" y="121"/>
                    </a:lnTo>
                    <a:lnTo>
                      <a:pt x="14" y="132"/>
                    </a:lnTo>
                    <a:lnTo>
                      <a:pt x="9" y="179"/>
                    </a:lnTo>
                    <a:lnTo>
                      <a:pt x="5" y="224"/>
                    </a:lnTo>
                    <a:lnTo>
                      <a:pt x="2" y="258"/>
                    </a:lnTo>
                    <a:lnTo>
                      <a:pt x="0" y="270"/>
                    </a:lnTo>
                    <a:lnTo>
                      <a:pt x="2" y="273"/>
                    </a:lnTo>
                    <a:lnTo>
                      <a:pt x="4" y="280"/>
                    </a:lnTo>
                    <a:lnTo>
                      <a:pt x="7" y="290"/>
                    </a:lnTo>
                    <a:lnTo>
                      <a:pt x="10" y="302"/>
                    </a:lnTo>
                    <a:lnTo>
                      <a:pt x="19" y="316"/>
                    </a:lnTo>
                    <a:lnTo>
                      <a:pt x="27" y="328"/>
                    </a:lnTo>
                    <a:lnTo>
                      <a:pt x="41" y="338"/>
                    </a:lnTo>
                    <a:lnTo>
                      <a:pt x="56" y="346"/>
                    </a:lnTo>
                    <a:lnTo>
                      <a:pt x="68" y="350"/>
                    </a:lnTo>
                    <a:lnTo>
                      <a:pt x="82" y="353"/>
                    </a:lnTo>
                    <a:lnTo>
                      <a:pt x="94" y="355"/>
                    </a:lnTo>
                    <a:lnTo>
                      <a:pt x="104" y="355"/>
                    </a:lnTo>
                    <a:lnTo>
                      <a:pt x="114" y="357"/>
                    </a:lnTo>
                    <a:lnTo>
                      <a:pt x="125" y="357"/>
                    </a:lnTo>
                    <a:lnTo>
                      <a:pt x="135" y="355"/>
                    </a:lnTo>
                    <a:lnTo>
                      <a:pt x="143" y="353"/>
                    </a:lnTo>
                    <a:lnTo>
                      <a:pt x="152" y="352"/>
                    </a:lnTo>
                    <a:lnTo>
                      <a:pt x="159" y="350"/>
                    </a:lnTo>
                    <a:lnTo>
                      <a:pt x="166" y="348"/>
                    </a:lnTo>
                    <a:lnTo>
                      <a:pt x="169" y="348"/>
                    </a:lnTo>
                    <a:lnTo>
                      <a:pt x="174" y="346"/>
                    </a:lnTo>
                    <a:lnTo>
                      <a:pt x="177" y="345"/>
                    </a:lnTo>
                    <a:lnTo>
                      <a:pt x="179" y="345"/>
                    </a:lnTo>
                    <a:lnTo>
                      <a:pt x="179" y="343"/>
                    </a:lnTo>
                    <a:lnTo>
                      <a:pt x="181" y="343"/>
                    </a:lnTo>
                    <a:lnTo>
                      <a:pt x="186" y="341"/>
                    </a:lnTo>
                    <a:lnTo>
                      <a:pt x="195" y="338"/>
                    </a:lnTo>
                    <a:lnTo>
                      <a:pt x="203" y="336"/>
                    </a:lnTo>
                    <a:lnTo>
                      <a:pt x="215" y="331"/>
                    </a:lnTo>
                    <a:lnTo>
                      <a:pt x="229" y="326"/>
                    </a:lnTo>
                    <a:lnTo>
                      <a:pt x="244" y="321"/>
                    </a:lnTo>
                    <a:lnTo>
                      <a:pt x="258" y="316"/>
                    </a:lnTo>
                    <a:lnTo>
                      <a:pt x="273" y="311"/>
                    </a:lnTo>
                    <a:lnTo>
                      <a:pt x="288" y="304"/>
                    </a:lnTo>
                    <a:lnTo>
                      <a:pt x="302" y="299"/>
                    </a:lnTo>
                    <a:lnTo>
                      <a:pt x="314" y="294"/>
                    </a:lnTo>
                    <a:lnTo>
                      <a:pt x="326" y="288"/>
                    </a:lnTo>
                    <a:lnTo>
                      <a:pt x="334" y="283"/>
                    </a:lnTo>
                    <a:lnTo>
                      <a:pt x="341" y="280"/>
                    </a:lnTo>
                    <a:lnTo>
                      <a:pt x="345" y="276"/>
                    </a:lnTo>
                    <a:lnTo>
                      <a:pt x="353" y="254"/>
                    </a:lnTo>
                    <a:lnTo>
                      <a:pt x="360" y="224"/>
                    </a:lnTo>
                    <a:lnTo>
                      <a:pt x="367" y="190"/>
                    </a:lnTo>
                    <a:lnTo>
                      <a:pt x="370" y="152"/>
                    </a:lnTo>
                    <a:lnTo>
                      <a:pt x="370" y="115"/>
                    </a:lnTo>
                    <a:lnTo>
                      <a:pt x="368" y="82"/>
                    </a:lnTo>
                    <a:lnTo>
                      <a:pt x="365" y="55"/>
                    </a:lnTo>
                    <a:lnTo>
                      <a:pt x="356" y="36"/>
                    </a:lnTo>
                    <a:lnTo>
                      <a:pt x="345" y="24"/>
                    </a:lnTo>
                    <a:lnTo>
                      <a:pt x="334" y="14"/>
                    </a:lnTo>
                    <a:lnTo>
                      <a:pt x="324" y="9"/>
                    </a:lnTo>
                    <a:lnTo>
                      <a:pt x="316" y="4"/>
                    </a:lnTo>
                    <a:lnTo>
                      <a:pt x="307" y="2"/>
                    </a:lnTo>
                    <a:lnTo>
                      <a:pt x="300" y="0"/>
                    </a:lnTo>
                    <a:lnTo>
                      <a:pt x="297" y="0"/>
                    </a:lnTo>
                    <a:lnTo>
                      <a:pt x="295" y="0"/>
                    </a:lnTo>
                    <a:lnTo>
                      <a:pt x="292" y="0"/>
                    </a:lnTo>
                    <a:lnTo>
                      <a:pt x="288" y="0"/>
                    </a:lnTo>
                    <a:lnTo>
                      <a:pt x="281" y="0"/>
                    </a:lnTo>
                    <a:lnTo>
                      <a:pt x="275" y="0"/>
                    </a:lnTo>
                    <a:lnTo>
                      <a:pt x="266" y="0"/>
                    </a:lnTo>
                    <a:lnTo>
                      <a:pt x="256" y="0"/>
                    </a:lnTo>
                    <a:lnTo>
                      <a:pt x="246" y="2"/>
                    </a:lnTo>
                    <a:lnTo>
                      <a:pt x="234" y="2"/>
                    </a:lnTo>
                    <a:lnTo>
                      <a:pt x="222" y="2"/>
                    </a:lnTo>
                    <a:lnTo>
                      <a:pt x="210" y="4"/>
                    </a:lnTo>
                    <a:lnTo>
                      <a:pt x="198" y="5"/>
                    </a:lnTo>
                    <a:lnTo>
                      <a:pt x="184" y="7"/>
                    </a:lnTo>
                    <a:lnTo>
                      <a:pt x="172" y="11"/>
                    </a:lnTo>
                    <a:lnTo>
                      <a:pt x="159" y="12"/>
                    </a:lnTo>
                    <a:lnTo>
                      <a:pt x="147" y="16"/>
                    </a:lnTo>
                    <a:lnTo>
                      <a:pt x="131" y="21"/>
                    </a:lnTo>
                    <a:lnTo>
                      <a:pt x="118" y="24"/>
                    </a:lnTo>
                    <a:lnTo>
                      <a:pt x="106" y="28"/>
                    </a:lnTo>
                    <a:lnTo>
                      <a:pt x="94" y="31"/>
                    </a:lnTo>
                    <a:lnTo>
                      <a:pt x="85" y="34"/>
                    </a:lnTo>
                    <a:lnTo>
                      <a:pt x="77" y="36"/>
                    </a:lnTo>
                    <a:lnTo>
                      <a:pt x="70" y="39"/>
                    </a:lnTo>
                    <a:lnTo>
                      <a:pt x="63" y="43"/>
                    </a:lnTo>
                    <a:close/>
                  </a:path>
                </a:pathLst>
              </a:custGeom>
              <a:solidFill>
                <a:srgbClr val="59A359"/>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6" name="Freeform 1244"/>
              <p:cNvSpPr>
                <a:spLocks/>
              </p:cNvSpPr>
              <p:nvPr/>
            </p:nvSpPr>
            <p:spPr bwMode="auto">
              <a:xfrm>
                <a:off x="2219586" y="1612689"/>
                <a:ext cx="152730" cy="331028"/>
              </a:xfrm>
              <a:custGeom>
                <a:avLst/>
                <a:gdLst/>
                <a:ahLst/>
                <a:cxnLst>
                  <a:cxn ang="0">
                    <a:pos x="48" y="24"/>
                  </a:cxn>
                  <a:cxn ang="0">
                    <a:pos x="0" y="344"/>
                  </a:cxn>
                  <a:cxn ang="0">
                    <a:pos x="109" y="344"/>
                  </a:cxn>
                  <a:cxn ang="0">
                    <a:pos x="159" y="14"/>
                  </a:cxn>
                  <a:cxn ang="0">
                    <a:pos x="159" y="14"/>
                  </a:cxn>
                  <a:cxn ang="0">
                    <a:pos x="159" y="12"/>
                  </a:cxn>
                  <a:cxn ang="0">
                    <a:pos x="159" y="10"/>
                  </a:cxn>
                  <a:cxn ang="0">
                    <a:pos x="155" y="8"/>
                  </a:cxn>
                  <a:cxn ang="0">
                    <a:pos x="152" y="5"/>
                  </a:cxn>
                  <a:cxn ang="0">
                    <a:pos x="145" y="3"/>
                  </a:cxn>
                  <a:cxn ang="0">
                    <a:pos x="137" y="2"/>
                  </a:cxn>
                  <a:cxn ang="0">
                    <a:pos x="123" y="0"/>
                  </a:cxn>
                  <a:cxn ang="0">
                    <a:pos x="108" y="2"/>
                  </a:cxn>
                  <a:cxn ang="0">
                    <a:pos x="94" y="3"/>
                  </a:cxn>
                  <a:cxn ang="0">
                    <a:pos x="82" y="7"/>
                  </a:cxn>
                  <a:cxn ang="0">
                    <a:pos x="70" y="10"/>
                  </a:cxn>
                  <a:cxn ang="0">
                    <a:pos x="62" y="15"/>
                  </a:cxn>
                  <a:cxn ang="0">
                    <a:pos x="53" y="19"/>
                  </a:cxn>
                  <a:cxn ang="0">
                    <a:pos x="50" y="22"/>
                  </a:cxn>
                  <a:cxn ang="0">
                    <a:pos x="48" y="24"/>
                  </a:cxn>
                </a:cxnLst>
                <a:rect l="0" t="0" r="r" b="b"/>
                <a:pathLst>
                  <a:path w="159" h="344">
                    <a:moveTo>
                      <a:pt x="48" y="24"/>
                    </a:moveTo>
                    <a:lnTo>
                      <a:pt x="0" y="344"/>
                    </a:lnTo>
                    <a:lnTo>
                      <a:pt x="109" y="344"/>
                    </a:lnTo>
                    <a:lnTo>
                      <a:pt x="159" y="14"/>
                    </a:lnTo>
                    <a:lnTo>
                      <a:pt x="159" y="12"/>
                    </a:lnTo>
                    <a:lnTo>
                      <a:pt x="159" y="10"/>
                    </a:lnTo>
                    <a:lnTo>
                      <a:pt x="155" y="8"/>
                    </a:lnTo>
                    <a:lnTo>
                      <a:pt x="152" y="5"/>
                    </a:lnTo>
                    <a:lnTo>
                      <a:pt x="145" y="3"/>
                    </a:lnTo>
                    <a:lnTo>
                      <a:pt x="137" y="2"/>
                    </a:lnTo>
                    <a:lnTo>
                      <a:pt x="123" y="0"/>
                    </a:lnTo>
                    <a:lnTo>
                      <a:pt x="108" y="2"/>
                    </a:lnTo>
                    <a:lnTo>
                      <a:pt x="94" y="3"/>
                    </a:lnTo>
                    <a:lnTo>
                      <a:pt x="82" y="7"/>
                    </a:lnTo>
                    <a:lnTo>
                      <a:pt x="70" y="10"/>
                    </a:lnTo>
                    <a:lnTo>
                      <a:pt x="62" y="15"/>
                    </a:lnTo>
                    <a:lnTo>
                      <a:pt x="53" y="19"/>
                    </a:lnTo>
                    <a:lnTo>
                      <a:pt x="50" y="22"/>
                    </a:lnTo>
                    <a:lnTo>
                      <a:pt x="48" y="24"/>
                    </a:lnTo>
                    <a:close/>
                  </a:path>
                </a:pathLst>
              </a:custGeom>
              <a:solidFill>
                <a:srgbClr val="A5A5A5"/>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7" name="Freeform 1243"/>
              <p:cNvSpPr>
                <a:spLocks/>
              </p:cNvSpPr>
              <p:nvPr/>
            </p:nvSpPr>
            <p:spPr bwMode="auto">
              <a:xfrm>
                <a:off x="1480701" y="1264325"/>
                <a:ext cx="894092" cy="451552"/>
              </a:xfrm>
              <a:custGeom>
                <a:avLst/>
                <a:gdLst/>
                <a:ahLst/>
                <a:cxnLst>
                  <a:cxn ang="0">
                    <a:pos x="471" y="435"/>
                  </a:cxn>
                  <a:cxn ang="0">
                    <a:pos x="418" y="428"/>
                  </a:cxn>
                  <a:cxn ang="0">
                    <a:pos x="394" y="386"/>
                  </a:cxn>
                  <a:cxn ang="0">
                    <a:pos x="440" y="364"/>
                  </a:cxn>
                  <a:cxn ang="0">
                    <a:pos x="372" y="355"/>
                  </a:cxn>
                  <a:cxn ang="0">
                    <a:pos x="397" y="432"/>
                  </a:cxn>
                  <a:cxn ang="0">
                    <a:pos x="466" y="468"/>
                  </a:cxn>
                  <a:cxn ang="0">
                    <a:pos x="500" y="427"/>
                  </a:cxn>
                  <a:cxn ang="0">
                    <a:pos x="530" y="227"/>
                  </a:cxn>
                  <a:cxn ang="0">
                    <a:pos x="576" y="149"/>
                  </a:cxn>
                  <a:cxn ang="0">
                    <a:pos x="657" y="101"/>
                  </a:cxn>
                  <a:cxn ang="0">
                    <a:pos x="721" y="139"/>
                  </a:cxn>
                  <a:cxn ang="0">
                    <a:pos x="783" y="140"/>
                  </a:cxn>
                  <a:cxn ang="0">
                    <a:pos x="832" y="111"/>
                  </a:cxn>
                  <a:cxn ang="0">
                    <a:pos x="912" y="214"/>
                  </a:cxn>
                  <a:cxn ang="0">
                    <a:pos x="928" y="202"/>
                  </a:cxn>
                  <a:cxn ang="0">
                    <a:pos x="897" y="125"/>
                  </a:cxn>
                  <a:cxn ang="0">
                    <a:pos x="844" y="81"/>
                  </a:cxn>
                  <a:cxn ang="0">
                    <a:pos x="824" y="86"/>
                  </a:cxn>
                  <a:cxn ang="0">
                    <a:pos x="781" y="118"/>
                  </a:cxn>
                  <a:cxn ang="0">
                    <a:pos x="737" y="120"/>
                  </a:cxn>
                  <a:cxn ang="0">
                    <a:pos x="696" y="101"/>
                  </a:cxn>
                  <a:cxn ang="0">
                    <a:pos x="703" y="53"/>
                  </a:cxn>
                  <a:cxn ang="0">
                    <a:pos x="684" y="23"/>
                  </a:cxn>
                  <a:cxn ang="0">
                    <a:pos x="633" y="86"/>
                  </a:cxn>
                  <a:cxn ang="0">
                    <a:pos x="561" y="127"/>
                  </a:cxn>
                  <a:cxn ang="0">
                    <a:pos x="517" y="193"/>
                  </a:cxn>
                  <a:cxn ang="0">
                    <a:pos x="488" y="231"/>
                  </a:cxn>
                  <a:cxn ang="0">
                    <a:pos x="414" y="220"/>
                  </a:cxn>
                  <a:cxn ang="0">
                    <a:pos x="196" y="258"/>
                  </a:cxn>
                  <a:cxn ang="0">
                    <a:pos x="102" y="261"/>
                  </a:cxn>
                  <a:cxn ang="0">
                    <a:pos x="43" y="241"/>
                  </a:cxn>
                  <a:cxn ang="0">
                    <a:pos x="5" y="239"/>
                  </a:cxn>
                  <a:cxn ang="0">
                    <a:pos x="70" y="263"/>
                  </a:cxn>
                  <a:cxn ang="0">
                    <a:pos x="101" y="275"/>
                  </a:cxn>
                  <a:cxn ang="0">
                    <a:pos x="234" y="348"/>
                  </a:cxn>
                  <a:cxn ang="0">
                    <a:pos x="181" y="273"/>
                  </a:cxn>
                  <a:cxn ang="0">
                    <a:pos x="408" y="231"/>
                  </a:cxn>
                  <a:cxn ang="0">
                    <a:pos x="481" y="236"/>
                  </a:cxn>
                  <a:cxn ang="0">
                    <a:pos x="496" y="306"/>
                  </a:cxn>
                  <a:cxn ang="0">
                    <a:pos x="464" y="273"/>
                  </a:cxn>
                  <a:cxn ang="0">
                    <a:pos x="495" y="282"/>
                  </a:cxn>
                  <a:cxn ang="0">
                    <a:pos x="449" y="243"/>
                  </a:cxn>
                  <a:cxn ang="0">
                    <a:pos x="483" y="253"/>
                  </a:cxn>
                  <a:cxn ang="0">
                    <a:pos x="500" y="258"/>
                  </a:cxn>
                  <a:cxn ang="0">
                    <a:pos x="460" y="236"/>
                  </a:cxn>
                  <a:cxn ang="0">
                    <a:pos x="449" y="241"/>
                  </a:cxn>
                  <a:cxn ang="0">
                    <a:pos x="455" y="255"/>
                  </a:cxn>
                  <a:cxn ang="0">
                    <a:pos x="457" y="263"/>
                  </a:cxn>
                  <a:cxn ang="0">
                    <a:pos x="455" y="282"/>
                  </a:cxn>
                  <a:cxn ang="0">
                    <a:pos x="437" y="311"/>
                  </a:cxn>
                  <a:cxn ang="0">
                    <a:pos x="401" y="268"/>
                  </a:cxn>
                  <a:cxn ang="0">
                    <a:pos x="375" y="287"/>
                  </a:cxn>
                  <a:cxn ang="0">
                    <a:pos x="365" y="290"/>
                  </a:cxn>
                  <a:cxn ang="0">
                    <a:pos x="387" y="297"/>
                  </a:cxn>
                  <a:cxn ang="0">
                    <a:pos x="385" y="323"/>
                  </a:cxn>
                  <a:cxn ang="0">
                    <a:pos x="397" y="338"/>
                  </a:cxn>
                  <a:cxn ang="0">
                    <a:pos x="471" y="316"/>
                  </a:cxn>
                  <a:cxn ang="0">
                    <a:pos x="447" y="360"/>
                  </a:cxn>
                  <a:cxn ang="0">
                    <a:pos x="486" y="370"/>
                  </a:cxn>
                </a:cxnLst>
                <a:rect l="0" t="0" r="r" b="b"/>
                <a:pathLst>
                  <a:path w="929" h="469">
                    <a:moveTo>
                      <a:pt x="445" y="399"/>
                    </a:moveTo>
                    <a:lnTo>
                      <a:pt x="483" y="388"/>
                    </a:lnTo>
                    <a:lnTo>
                      <a:pt x="483" y="396"/>
                    </a:lnTo>
                    <a:lnTo>
                      <a:pt x="481" y="403"/>
                    </a:lnTo>
                    <a:lnTo>
                      <a:pt x="479" y="411"/>
                    </a:lnTo>
                    <a:lnTo>
                      <a:pt x="478" y="420"/>
                    </a:lnTo>
                    <a:lnTo>
                      <a:pt x="474" y="428"/>
                    </a:lnTo>
                    <a:lnTo>
                      <a:pt x="471" y="435"/>
                    </a:lnTo>
                    <a:lnTo>
                      <a:pt x="466" y="442"/>
                    </a:lnTo>
                    <a:lnTo>
                      <a:pt x="457" y="447"/>
                    </a:lnTo>
                    <a:lnTo>
                      <a:pt x="450" y="447"/>
                    </a:lnTo>
                    <a:lnTo>
                      <a:pt x="443" y="447"/>
                    </a:lnTo>
                    <a:lnTo>
                      <a:pt x="437" y="444"/>
                    </a:lnTo>
                    <a:lnTo>
                      <a:pt x="430" y="440"/>
                    </a:lnTo>
                    <a:lnTo>
                      <a:pt x="423" y="434"/>
                    </a:lnTo>
                    <a:lnTo>
                      <a:pt x="418" y="428"/>
                    </a:lnTo>
                    <a:lnTo>
                      <a:pt x="411" y="420"/>
                    </a:lnTo>
                    <a:lnTo>
                      <a:pt x="408" y="413"/>
                    </a:lnTo>
                    <a:lnTo>
                      <a:pt x="445" y="399"/>
                    </a:lnTo>
                    <a:lnTo>
                      <a:pt x="442" y="386"/>
                    </a:lnTo>
                    <a:lnTo>
                      <a:pt x="402" y="399"/>
                    </a:lnTo>
                    <a:lnTo>
                      <a:pt x="399" y="396"/>
                    </a:lnTo>
                    <a:lnTo>
                      <a:pt x="396" y="391"/>
                    </a:lnTo>
                    <a:lnTo>
                      <a:pt x="394" y="386"/>
                    </a:lnTo>
                    <a:lnTo>
                      <a:pt x="391" y="381"/>
                    </a:lnTo>
                    <a:lnTo>
                      <a:pt x="396" y="377"/>
                    </a:lnTo>
                    <a:lnTo>
                      <a:pt x="402" y="376"/>
                    </a:lnTo>
                    <a:lnTo>
                      <a:pt x="409" y="374"/>
                    </a:lnTo>
                    <a:lnTo>
                      <a:pt x="418" y="370"/>
                    </a:lnTo>
                    <a:lnTo>
                      <a:pt x="425" y="367"/>
                    </a:lnTo>
                    <a:lnTo>
                      <a:pt x="433" y="365"/>
                    </a:lnTo>
                    <a:lnTo>
                      <a:pt x="440" y="364"/>
                    </a:lnTo>
                    <a:lnTo>
                      <a:pt x="445" y="362"/>
                    </a:lnTo>
                    <a:lnTo>
                      <a:pt x="442" y="347"/>
                    </a:lnTo>
                    <a:lnTo>
                      <a:pt x="392" y="364"/>
                    </a:lnTo>
                    <a:lnTo>
                      <a:pt x="392" y="362"/>
                    </a:lnTo>
                    <a:lnTo>
                      <a:pt x="392" y="360"/>
                    </a:lnTo>
                    <a:lnTo>
                      <a:pt x="392" y="359"/>
                    </a:lnTo>
                    <a:lnTo>
                      <a:pt x="392" y="357"/>
                    </a:lnTo>
                    <a:lnTo>
                      <a:pt x="372" y="355"/>
                    </a:lnTo>
                    <a:lnTo>
                      <a:pt x="372" y="365"/>
                    </a:lnTo>
                    <a:lnTo>
                      <a:pt x="374" y="376"/>
                    </a:lnTo>
                    <a:lnTo>
                      <a:pt x="375" y="386"/>
                    </a:lnTo>
                    <a:lnTo>
                      <a:pt x="379" y="394"/>
                    </a:lnTo>
                    <a:lnTo>
                      <a:pt x="382" y="405"/>
                    </a:lnTo>
                    <a:lnTo>
                      <a:pt x="387" y="413"/>
                    </a:lnTo>
                    <a:lnTo>
                      <a:pt x="392" y="422"/>
                    </a:lnTo>
                    <a:lnTo>
                      <a:pt x="397" y="432"/>
                    </a:lnTo>
                    <a:lnTo>
                      <a:pt x="404" y="439"/>
                    </a:lnTo>
                    <a:lnTo>
                      <a:pt x="411" y="447"/>
                    </a:lnTo>
                    <a:lnTo>
                      <a:pt x="420" y="454"/>
                    </a:lnTo>
                    <a:lnTo>
                      <a:pt x="426" y="459"/>
                    </a:lnTo>
                    <a:lnTo>
                      <a:pt x="435" y="464"/>
                    </a:lnTo>
                    <a:lnTo>
                      <a:pt x="445" y="468"/>
                    </a:lnTo>
                    <a:lnTo>
                      <a:pt x="454" y="469"/>
                    </a:lnTo>
                    <a:lnTo>
                      <a:pt x="466" y="468"/>
                    </a:lnTo>
                    <a:lnTo>
                      <a:pt x="472" y="466"/>
                    </a:lnTo>
                    <a:lnTo>
                      <a:pt x="479" y="463"/>
                    </a:lnTo>
                    <a:lnTo>
                      <a:pt x="484" y="457"/>
                    </a:lnTo>
                    <a:lnTo>
                      <a:pt x="489" y="452"/>
                    </a:lnTo>
                    <a:lnTo>
                      <a:pt x="493" y="447"/>
                    </a:lnTo>
                    <a:lnTo>
                      <a:pt x="496" y="440"/>
                    </a:lnTo>
                    <a:lnTo>
                      <a:pt x="498" y="434"/>
                    </a:lnTo>
                    <a:lnTo>
                      <a:pt x="500" y="427"/>
                    </a:lnTo>
                    <a:lnTo>
                      <a:pt x="517" y="295"/>
                    </a:lnTo>
                    <a:lnTo>
                      <a:pt x="517" y="285"/>
                    </a:lnTo>
                    <a:lnTo>
                      <a:pt x="518" y="275"/>
                    </a:lnTo>
                    <a:lnTo>
                      <a:pt x="520" y="265"/>
                    </a:lnTo>
                    <a:lnTo>
                      <a:pt x="522" y="256"/>
                    </a:lnTo>
                    <a:lnTo>
                      <a:pt x="525" y="246"/>
                    </a:lnTo>
                    <a:lnTo>
                      <a:pt x="527" y="237"/>
                    </a:lnTo>
                    <a:lnTo>
                      <a:pt x="530" y="227"/>
                    </a:lnTo>
                    <a:lnTo>
                      <a:pt x="534" y="219"/>
                    </a:lnTo>
                    <a:lnTo>
                      <a:pt x="537" y="208"/>
                    </a:lnTo>
                    <a:lnTo>
                      <a:pt x="542" y="197"/>
                    </a:lnTo>
                    <a:lnTo>
                      <a:pt x="547" y="186"/>
                    </a:lnTo>
                    <a:lnTo>
                      <a:pt x="554" y="176"/>
                    </a:lnTo>
                    <a:lnTo>
                      <a:pt x="561" y="166"/>
                    </a:lnTo>
                    <a:lnTo>
                      <a:pt x="568" y="157"/>
                    </a:lnTo>
                    <a:lnTo>
                      <a:pt x="576" y="149"/>
                    </a:lnTo>
                    <a:lnTo>
                      <a:pt x="585" y="140"/>
                    </a:lnTo>
                    <a:lnTo>
                      <a:pt x="593" y="132"/>
                    </a:lnTo>
                    <a:lnTo>
                      <a:pt x="604" y="125"/>
                    </a:lnTo>
                    <a:lnTo>
                      <a:pt x="614" y="118"/>
                    </a:lnTo>
                    <a:lnTo>
                      <a:pt x="624" y="113"/>
                    </a:lnTo>
                    <a:lnTo>
                      <a:pt x="634" y="108"/>
                    </a:lnTo>
                    <a:lnTo>
                      <a:pt x="645" y="103"/>
                    </a:lnTo>
                    <a:lnTo>
                      <a:pt x="657" y="101"/>
                    </a:lnTo>
                    <a:lnTo>
                      <a:pt x="668" y="98"/>
                    </a:lnTo>
                    <a:lnTo>
                      <a:pt x="675" y="106"/>
                    </a:lnTo>
                    <a:lnTo>
                      <a:pt x="680" y="113"/>
                    </a:lnTo>
                    <a:lnTo>
                      <a:pt x="687" y="118"/>
                    </a:lnTo>
                    <a:lnTo>
                      <a:pt x="694" y="125"/>
                    </a:lnTo>
                    <a:lnTo>
                      <a:pt x="701" y="130"/>
                    </a:lnTo>
                    <a:lnTo>
                      <a:pt x="709" y="133"/>
                    </a:lnTo>
                    <a:lnTo>
                      <a:pt x="721" y="139"/>
                    </a:lnTo>
                    <a:lnTo>
                      <a:pt x="733" y="142"/>
                    </a:lnTo>
                    <a:lnTo>
                      <a:pt x="742" y="144"/>
                    </a:lnTo>
                    <a:lnTo>
                      <a:pt x="749" y="144"/>
                    </a:lnTo>
                    <a:lnTo>
                      <a:pt x="755" y="144"/>
                    </a:lnTo>
                    <a:lnTo>
                      <a:pt x="762" y="144"/>
                    </a:lnTo>
                    <a:lnTo>
                      <a:pt x="769" y="144"/>
                    </a:lnTo>
                    <a:lnTo>
                      <a:pt x="776" y="142"/>
                    </a:lnTo>
                    <a:lnTo>
                      <a:pt x="783" y="140"/>
                    </a:lnTo>
                    <a:lnTo>
                      <a:pt x="789" y="139"/>
                    </a:lnTo>
                    <a:lnTo>
                      <a:pt x="796" y="135"/>
                    </a:lnTo>
                    <a:lnTo>
                      <a:pt x="801" y="132"/>
                    </a:lnTo>
                    <a:lnTo>
                      <a:pt x="808" y="130"/>
                    </a:lnTo>
                    <a:lnTo>
                      <a:pt x="815" y="125"/>
                    </a:lnTo>
                    <a:lnTo>
                      <a:pt x="820" y="122"/>
                    </a:lnTo>
                    <a:lnTo>
                      <a:pt x="825" y="116"/>
                    </a:lnTo>
                    <a:lnTo>
                      <a:pt x="832" y="111"/>
                    </a:lnTo>
                    <a:lnTo>
                      <a:pt x="837" y="108"/>
                    </a:lnTo>
                    <a:lnTo>
                      <a:pt x="854" y="116"/>
                    </a:lnTo>
                    <a:lnTo>
                      <a:pt x="870" y="128"/>
                    </a:lnTo>
                    <a:lnTo>
                      <a:pt x="882" y="142"/>
                    </a:lnTo>
                    <a:lnTo>
                      <a:pt x="893" y="159"/>
                    </a:lnTo>
                    <a:lnTo>
                      <a:pt x="902" y="176"/>
                    </a:lnTo>
                    <a:lnTo>
                      <a:pt x="909" y="195"/>
                    </a:lnTo>
                    <a:lnTo>
                      <a:pt x="912" y="214"/>
                    </a:lnTo>
                    <a:lnTo>
                      <a:pt x="914" y="234"/>
                    </a:lnTo>
                    <a:lnTo>
                      <a:pt x="916" y="248"/>
                    </a:lnTo>
                    <a:lnTo>
                      <a:pt x="917" y="263"/>
                    </a:lnTo>
                    <a:lnTo>
                      <a:pt x="919" y="275"/>
                    </a:lnTo>
                    <a:lnTo>
                      <a:pt x="921" y="277"/>
                    </a:lnTo>
                    <a:lnTo>
                      <a:pt x="926" y="253"/>
                    </a:lnTo>
                    <a:lnTo>
                      <a:pt x="929" y="227"/>
                    </a:lnTo>
                    <a:lnTo>
                      <a:pt x="928" y="202"/>
                    </a:lnTo>
                    <a:lnTo>
                      <a:pt x="924" y="178"/>
                    </a:lnTo>
                    <a:lnTo>
                      <a:pt x="922" y="169"/>
                    </a:lnTo>
                    <a:lnTo>
                      <a:pt x="919" y="161"/>
                    </a:lnTo>
                    <a:lnTo>
                      <a:pt x="916" y="152"/>
                    </a:lnTo>
                    <a:lnTo>
                      <a:pt x="912" y="145"/>
                    </a:lnTo>
                    <a:lnTo>
                      <a:pt x="907" y="139"/>
                    </a:lnTo>
                    <a:lnTo>
                      <a:pt x="902" y="132"/>
                    </a:lnTo>
                    <a:lnTo>
                      <a:pt x="897" y="125"/>
                    </a:lnTo>
                    <a:lnTo>
                      <a:pt x="890" y="118"/>
                    </a:lnTo>
                    <a:lnTo>
                      <a:pt x="885" y="111"/>
                    </a:lnTo>
                    <a:lnTo>
                      <a:pt x="878" y="106"/>
                    </a:lnTo>
                    <a:lnTo>
                      <a:pt x="871" y="99"/>
                    </a:lnTo>
                    <a:lnTo>
                      <a:pt x="864" y="94"/>
                    </a:lnTo>
                    <a:lnTo>
                      <a:pt x="858" y="89"/>
                    </a:lnTo>
                    <a:lnTo>
                      <a:pt x="851" y="84"/>
                    </a:lnTo>
                    <a:lnTo>
                      <a:pt x="844" y="81"/>
                    </a:lnTo>
                    <a:lnTo>
                      <a:pt x="835" y="75"/>
                    </a:lnTo>
                    <a:lnTo>
                      <a:pt x="834" y="75"/>
                    </a:lnTo>
                    <a:lnTo>
                      <a:pt x="834" y="77"/>
                    </a:lnTo>
                    <a:lnTo>
                      <a:pt x="832" y="77"/>
                    </a:lnTo>
                    <a:lnTo>
                      <a:pt x="830" y="79"/>
                    </a:lnTo>
                    <a:lnTo>
                      <a:pt x="829" y="81"/>
                    </a:lnTo>
                    <a:lnTo>
                      <a:pt x="827" y="82"/>
                    </a:lnTo>
                    <a:lnTo>
                      <a:pt x="824" y="86"/>
                    </a:lnTo>
                    <a:lnTo>
                      <a:pt x="818" y="91"/>
                    </a:lnTo>
                    <a:lnTo>
                      <a:pt x="812" y="98"/>
                    </a:lnTo>
                    <a:lnTo>
                      <a:pt x="807" y="103"/>
                    </a:lnTo>
                    <a:lnTo>
                      <a:pt x="801" y="106"/>
                    </a:lnTo>
                    <a:lnTo>
                      <a:pt x="796" y="110"/>
                    </a:lnTo>
                    <a:lnTo>
                      <a:pt x="791" y="113"/>
                    </a:lnTo>
                    <a:lnTo>
                      <a:pt x="786" y="116"/>
                    </a:lnTo>
                    <a:lnTo>
                      <a:pt x="781" y="118"/>
                    </a:lnTo>
                    <a:lnTo>
                      <a:pt x="778" y="118"/>
                    </a:lnTo>
                    <a:lnTo>
                      <a:pt x="772" y="120"/>
                    </a:lnTo>
                    <a:lnTo>
                      <a:pt x="767" y="120"/>
                    </a:lnTo>
                    <a:lnTo>
                      <a:pt x="762" y="120"/>
                    </a:lnTo>
                    <a:lnTo>
                      <a:pt x="757" y="120"/>
                    </a:lnTo>
                    <a:lnTo>
                      <a:pt x="750" y="120"/>
                    </a:lnTo>
                    <a:lnTo>
                      <a:pt x="743" y="120"/>
                    </a:lnTo>
                    <a:lnTo>
                      <a:pt x="737" y="120"/>
                    </a:lnTo>
                    <a:lnTo>
                      <a:pt x="730" y="118"/>
                    </a:lnTo>
                    <a:lnTo>
                      <a:pt x="725" y="116"/>
                    </a:lnTo>
                    <a:lnTo>
                      <a:pt x="720" y="115"/>
                    </a:lnTo>
                    <a:lnTo>
                      <a:pt x="714" y="113"/>
                    </a:lnTo>
                    <a:lnTo>
                      <a:pt x="709" y="111"/>
                    </a:lnTo>
                    <a:lnTo>
                      <a:pt x="704" y="108"/>
                    </a:lnTo>
                    <a:lnTo>
                      <a:pt x="699" y="106"/>
                    </a:lnTo>
                    <a:lnTo>
                      <a:pt x="696" y="101"/>
                    </a:lnTo>
                    <a:lnTo>
                      <a:pt x="692" y="98"/>
                    </a:lnTo>
                    <a:lnTo>
                      <a:pt x="694" y="96"/>
                    </a:lnTo>
                    <a:lnTo>
                      <a:pt x="696" y="94"/>
                    </a:lnTo>
                    <a:lnTo>
                      <a:pt x="696" y="91"/>
                    </a:lnTo>
                    <a:lnTo>
                      <a:pt x="697" y="89"/>
                    </a:lnTo>
                    <a:lnTo>
                      <a:pt x="701" y="77"/>
                    </a:lnTo>
                    <a:lnTo>
                      <a:pt x="703" y="65"/>
                    </a:lnTo>
                    <a:lnTo>
                      <a:pt x="703" y="53"/>
                    </a:lnTo>
                    <a:lnTo>
                      <a:pt x="703" y="43"/>
                    </a:lnTo>
                    <a:lnTo>
                      <a:pt x="699" y="31"/>
                    </a:lnTo>
                    <a:lnTo>
                      <a:pt x="696" y="19"/>
                    </a:lnTo>
                    <a:lnTo>
                      <a:pt x="689" y="9"/>
                    </a:lnTo>
                    <a:lnTo>
                      <a:pt x="684" y="0"/>
                    </a:lnTo>
                    <a:lnTo>
                      <a:pt x="682" y="2"/>
                    </a:lnTo>
                    <a:lnTo>
                      <a:pt x="684" y="11"/>
                    </a:lnTo>
                    <a:lnTo>
                      <a:pt x="684" y="23"/>
                    </a:lnTo>
                    <a:lnTo>
                      <a:pt x="685" y="38"/>
                    </a:lnTo>
                    <a:lnTo>
                      <a:pt x="684" y="52"/>
                    </a:lnTo>
                    <a:lnTo>
                      <a:pt x="680" y="65"/>
                    </a:lnTo>
                    <a:lnTo>
                      <a:pt x="675" y="77"/>
                    </a:lnTo>
                    <a:lnTo>
                      <a:pt x="665" y="84"/>
                    </a:lnTo>
                    <a:lnTo>
                      <a:pt x="655" y="84"/>
                    </a:lnTo>
                    <a:lnTo>
                      <a:pt x="643" y="84"/>
                    </a:lnTo>
                    <a:lnTo>
                      <a:pt x="633" y="86"/>
                    </a:lnTo>
                    <a:lnTo>
                      <a:pt x="622" y="89"/>
                    </a:lnTo>
                    <a:lnTo>
                      <a:pt x="614" y="93"/>
                    </a:lnTo>
                    <a:lnTo>
                      <a:pt x="604" y="96"/>
                    </a:lnTo>
                    <a:lnTo>
                      <a:pt x="595" y="101"/>
                    </a:lnTo>
                    <a:lnTo>
                      <a:pt x="585" y="106"/>
                    </a:lnTo>
                    <a:lnTo>
                      <a:pt x="576" y="113"/>
                    </a:lnTo>
                    <a:lnTo>
                      <a:pt x="568" y="118"/>
                    </a:lnTo>
                    <a:lnTo>
                      <a:pt x="561" y="127"/>
                    </a:lnTo>
                    <a:lnTo>
                      <a:pt x="553" y="133"/>
                    </a:lnTo>
                    <a:lnTo>
                      <a:pt x="546" y="140"/>
                    </a:lnTo>
                    <a:lnTo>
                      <a:pt x="539" y="151"/>
                    </a:lnTo>
                    <a:lnTo>
                      <a:pt x="532" y="159"/>
                    </a:lnTo>
                    <a:lnTo>
                      <a:pt x="527" y="168"/>
                    </a:lnTo>
                    <a:lnTo>
                      <a:pt x="524" y="174"/>
                    </a:lnTo>
                    <a:lnTo>
                      <a:pt x="520" y="185"/>
                    </a:lnTo>
                    <a:lnTo>
                      <a:pt x="517" y="193"/>
                    </a:lnTo>
                    <a:lnTo>
                      <a:pt x="515" y="202"/>
                    </a:lnTo>
                    <a:lnTo>
                      <a:pt x="512" y="210"/>
                    </a:lnTo>
                    <a:lnTo>
                      <a:pt x="510" y="219"/>
                    </a:lnTo>
                    <a:lnTo>
                      <a:pt x="508" y="227"/>
                    </a:lnTo>
                    <a:lnTo>
                      <a:pt x="506" y="236"/>
                    </a:lnTo>
                    <a:lnTo>
                      <a:pt x="501" y="234"/>
                    </a:lnTo>
                    <a:lnTo>
                      <a:pt x="496" y="232"/>
                    </a:lnTo>
                    <a:lnTo>
                      <a:pt x="488" y="231"/>
                    </a:lnTo>
                    <a:lnTo>
                      <a:pt x="481" y="227"/>
                    </a:lnTo>
                    <a:lnTo>
                      <a:pt x="472" y="224"/>
                    </a:lnTo>
                    <a:lnTo>
                      <a:pt x="466" y="220"/>
                    </a:lnTo>
                    <a:lnTo>
                      <a:pt x="460" y="217"/>
                    </a:lnTo>
                    <a:lnTo>
                      <a:pt x="459" y="214"/>
                    </a:lnTo>
                    <a:lnTo>
                      <a:pt x="449" y="215"/>
                    </a:lnTo>
                    <a:lnTo>
                      <a:pt x="433" y="219"/>
                    </a:lnTo>
                    <a:lnTo>
                      <a:pt x="414" y="220"/>
                    </a:lnTo>
                    <a:lnTo>
                      <a:pt x="391" y="226"/>
                    </a:lnTo>
                    <a:lnTo>
                      <a:pt x="365" y="229"/>
                    </a:lnTo>
                    <a:lnTo>
                      <a:pt x="338" y="234"/>
                    </a:lnTo>
                    <a:lnTo>
                      <a:pt x="309" y="239"/>
                    </a:lnTo>
                    <a:lnTo>
                      <a:pt x="278" y="243"/>
                    </a:lnTo>
                    <a:lnTo>
                      <a:pt x="249" y="248"/>
                    </a:lnTo>
                    <a:lnTo>
                      <a:pt x="222" y="253"/>
                    </a:lnTo>
                    <a:lnTo>
                      <a:pt x="196" y="258"/>
                    </a:lnTo>
                    <a:lnTo>
                      <a:pt x="172" y="261"/>
                    </a:lnTo>
                    <a:lnTo>
                      <a:pt x="152" y="265"/>
                    </a:lnTo>
                    <a:lnTo>
                      <a:pt x="138" y="266"/>
                    </a:lnTo>
                    <a:lnTo>
                      <a:pt x="128" y="268"/>
                    </a:lnTo>
                    <a:lnTo>
                      <a:pt x="125" y="268"/>
                    </a:lnTo>
                    <a:lnTo>
                      <a:pt x="118" y="266"/>
                    </a:lnTo>
                    <a:lnTo>
                      <a:pt x="109" y="263"/>
                    </a:lnTo>
                    <a:lnTo>
                      <a:pt x="102" y="261"/>
                    </a:lnTo>
                    <a:lnTo>
                      <a:pt x="96" y="260"/>
                    </a:lnTo>
                    <a:lnTo>
                      <a:pt x="87" y="256"/>
                    </a:lnTo>
                    <a:lnTo>
                      <a:pt x="80" y="253"/>
                    </a:lnTo>
                    <a:lnTo>
                      <a:pt x="73" y="251"/>
                    </a:lnTo>
                    <a:lnTo>
                      <a:pt x="65" y="249"/>
                    </a:lnTo>
                    <a:lnTo>
                      <a:pt x="58" y="246"/>
                    </a:lnTo>
                    <a:lnTo>
                      <a:pt x="51" y="244"/>
                    </a:lnTo>
                    <a:lnTo>
                      <a:pt x="43" y="241"/>
                    </a:lnTo>
                    <a:lnTo>
                      <a:pt x="36" y="239"/>
                    </a:lnTo>
                    <a:lnTo>
                      <a:pt x="29" y="237"/>
                    </a:lnTo>
                    <a:lnTo>
                      <a:pt x="21" y="234"/>
                    </a:lnTo>
                    <a:lnTo>
                      <a:pt x="14" y="232"/>
                    </a:lnTo>
                    <a:lnTo>
                      <a:pt x="5" y="231"/>
                    </a:lnTo>
                    <a:lnTo>
                      <a:pt x="0" y="236"/>
                    </a:lnTo>
                    <a:lnTo>
                      <a:pt x="2" y="237"/>
                    </a:lnTo>
                    <a:lnTo>
                      <a:pt x="5" y="239"/>
                    </a:lnTo>
                    <a:lnTo>
                      <a:pt x="10" y="241"/>
                    </a:lnTo>
                    <a:lnTo>
                      <a:pt x="17" y="243"/>
                    </a:lnTo>
                    <a:lnTo>
                      <a:pt x="26" y="246"/>
                    </a:lnTo>
                    <a:lnTo>
                      <a:pt x="34" y="249"/>
                    </a:lnTo>
                    <a:lnTo>
                      <a:pt x="43" y="253"/>
                    </a:lnTo>
                    <a:lnTo>
                      <a:pt x="51" y="256"/>
                    </a:lnTo>
                    <a:lnTo>
                      <a:pt x="62" y="260"/>
                    </a:lnTo>
                    <a:lnTo>
                      <a:pt x="70" y="263"/>
                    </a:lnTo>
                    <a:lnTo>
                      <a:pt x="79" y="266"/>
                    </a:lnTo>
                    <a:lnTo>
                      <a:pt x="87" y="270"/>
                    </a:lnTo>
                    <a:lnTo>
                      <a:pt x="94" y="272"/>
                    </a:lnTo>
                    <a:lnTo>
                      <a:pt x="97" y="273"/>
                    </a:lnTo>
                    <a:lnTo>
                      <a:pt x="101" y="275"/>
                    </a:lnTo>
                    <a:lnTo>
                      <a:pt x="102" y="275"/>
                    </a:lnTo>
                    <a:lnTo>
                      <a:pt x="101" y="275"/>
                    </a:lnTo>
                    <a:lnTo>
                      <a:pt x="97" y="277"/>
                    </a:lnTo>
                    <a:lnTo>
                      <a:pt x="96" y="278"/>
                    </a:lnTo>
                    <a:lnTo>
                      <a:pt x="92" y="278"/>
                    </a:lnTo>
                    <a:lnTo>
                      <a:pt x="89" y="280"/>
                    </a:lnTo>
                    <a:lnTo>
                      <a:pt x="87" y="282"/>
                    </a:lnTo>
                    <a:lnTo>
                      <a:pt x="85" y="284"/>
                    </a:lnTo>
                    <a:lnTo>
                      <a:pt x="230" y="348"/>
                    </a:lnTo>
                    <a:lnTo>
                      <a:pt x="234" y="348"/>
                    </a:lnTo>
                    <a:lnTo>
                      <a:pt x="237" y="350"/>
                    </a:lnTo>
                    <a:lnTo>
                      <a:pt x="239" y="350"/>
                    </a:lnTo>
                    <a:lnTo>
                      <a:pt x="242" y="347"/>
                    </a:lnTo>
                    <a:lnTo>
                      <a:pt x="116" y="287"/>
                    </a:lnTo>
                    <a:lnTo>
                      <a:pt x="125" y="285"/>
                    </a:lnTo>
                    <a:lnTo>
                      <a:pt x="140" y="282"/>
                    </a:lnTo>
                    <a:lnTo>
                      <a:pt x="159" y="278"/>
                    </a:lnTo>
                    <a:lnTo>
                      <a:pt x="181" y="273"/>
                    </a:lnTo>
                    <a:lnTo>
                      <a:pt x="208" y="268"/>
                    </a:lnTo>
                    <a:lnTo>
                      <a:pt x="237" y="263"/>
                    </a:lnTo>
                    <a:lnTo>
                      <a:pt x="266" y="258"/>
                    </a:lnTo>
                    <a:lnTo>
                      <a:pt x="297" y="253"/>
                    </a:lnTo>
                    <a:lnTo>
                      <a:pt x="327" y="246"/>
                    </a:lnTo>
                    <a:lnTo>
                      <a:pt x="356" y="241"/>
                    </a:lnTo>
                    <a:lnTo>
                      <a:pt x="384" y="236"/>
                    </a:lnTo>
                    <a:lnTo>
                      <a:pt x="408" y="231"/>
                    </a:lnTo>
                    <a:lnTo>
                      <a:pt x="428" y="229"/>
                    </a:lnTo>
                    <a:lnTo>
                      <a:pt x="442" y="226"/>
                    </a:lnTo>
                    <a:lnTo>
                      <a:pt x="454" y="224"/>
                    </a:lnTo>
                    <a:lnTo>
                      <a:pt x="455" y="222"/>
                    </a:lnTo>
                    <a:lnTo>
                      <a:pt x="462" y="226"/>
                    </a:lnTo>
                    <a:lnTo>
                      <a:pt x="467" y="229"/>
                    </a:lnTo>
                    <a:lnTo>
                      <a:pt x="474" y="232"/>
                    </a:lnTo>
                    <a:lnTo>
                      <a:pt x="481" y="236"/>
                    </a:lnTo>
                    <a:lnTo>
                      <a:pt x="488" y="241"/>
                    </a:lnTo>
                    <a:lnTo>
                      <a:pt x="493" y="244"/>
                    </a:lnTo>
                    <a:lnTo>
                      <a:pt x="498" y="248"/>
                    </a:lnTo>
                    <a:lnTo>
                      <a:pt x="505" y="253"/>
                    </a:lnTo>
                    <a:lnTo>
                      <a:pt x="503" y="266"/>
                    </a:lnTo>
                    <a:lnTo>
                      <a:pt x="501" y="278"/>
                    </a:lnTo>
                    <a:lnTo>
                      <a:pt x="498" y="292"/>
                    </a:lnTo>
                    <a:lnTo>
                      <a:pt x="496" y="306"/>
                    </a:lnTo>
                    <a:lnTo>
                      <a:pt x="491" y="301"/>
                    </a:lnTo>
                    <a:lnTo>
                      <a:pt x="488" y="297"/>
                    </a:lnTo>
                    <a:lnTo>
                      <a:pt x="484" y="292"/>
                    </a:lnTo>
                    <a:lnTo>
                      <a:pt x="481" y="289"/>
                    </a:lnTo>
                    <a:lnTo>
                      <a:pt x="476" y="285"/>
                    </a:lnTo>
                    <a:lnTo>
                      <a:pt x="472" y="280"/>
                    </a:lnTo>
                    <a:lnTo>
                      <a:pt x="469" y="277"/>
                    </a:lnTo>
                    <a:lnTo>
                      <a:pt x="464" y="273"/>
                    </a:lnTo>
                    <a:lnTo>
                      <a:pt x="467" y="273"/>
                    </a:lnTo>
                    <a:lnTo>
                      <a:pt x="471" y="275"/>
                    </a:lnTo>
                    <a:lnTo>
                      <a:pt x="476" y="277"/>
                    </a:lnTo>
                    <a:lnTo>
                      <a:pt x="478" y="280"/>
                    </a:lnTo>
                    <a:lnTo>
                      <a:pt x="483" y="284"/>
                    </a:lnTo>
                    <a:lnTo>
                      <a:pt x="486" y="284"/>
                    </a:lnTo>
                    <a:lnTo>
                      <a:pt x="489" y="284"/>
                    </a:lnTo>
                    <a:lnTo>
                      <a:pt x="495" y="282"/>
                    </a:lnTo>
                    <a:lnTo>
                      <a:pt x="489" y="275"/>
                    </a:lnTo>
                    <a:lnTo>
                      <a:pt x="486" y="270"/>
                    </a:lnTo>
                    <a:lnTo>
                      <a:pt x="481" y="263"/>
                    </a:lnTo>
                    <a:lnTo>
                      <a:pt x="474" y="258"/>
                    </a:lnTo>
                    <a:lnTo>
                      <a:pt x="469" y="253"/>
                    </a:lnTo>
                    <a:lnTo>
                      <a:pt x="462" y="249"/>
                    </a:lnTo>
                    <a:lnTo>
                      <a:pt x="455" y="246"/>
                    </a:lnTo>
                    <a:lnTo>
                      <a:pt x="449" y="243"/>
                    </a:lnTo>
                    <a:lnTo>
                      <a:pt x="454" y="243"/>
                    </a:lnTo>
                    <a:lnTo>
                      <a:pt x="457" y="243"/>
                    </a:lnTo>
                    <a:lnTo>
                      <a:pt x="462" y="244"/>
                    </a:lnTo>
                    <a:lnTo>
                      <a:pt x="466" y="246"/>
                    </a:lnTo>
                    <a:lnTo>
                      <a:pt x="471" y="246"/>
                    </a:lnTo>
                    <a:lnTo>
                      <a:pt x="476" y="248"/>
                    </a:lnTo>
                    <a:lnTo>
                      <a:pt x="479" y="249"/>
                    </a:lnTo>
                    <a:lnTo>
                      <a:pt x="483" y="253"/>
                    </a:lnTo>
                    <a:lnTo>
                      <a:pt x="484" y="253"/>
                    </a:lnTo>
                    <a:lnTo>
                      <a:pt x="488" y="255"/>
                    </a:lnTo>
                    <a:lnTo>
                      <a:pt x="489" y="256"/>
                    </a:lnTo>
                    <a:lnTo>
                      <a:pt x="491" y="258"/>
                    </a:lnTo>
                    <a:lnTo>
                      <a:pt x="493" y="260"/>
                    </a:lnTo>
                    <a:lnTo>
                      <a:pt x="495" y="261"/>
                    </a:lnTo>
                    <a:lnTo>
                      <a:pt x="498" y="260"/>
                    </a:lnTo>
                    <a:lnTo>
                      <a:pt x="500" y="258"/>
                    </a:lnTo>
                    <a:lnTo>
                      <a:pt x="496" y="253"/>
                    </a:lnTo>
                    <a:lnTo>
                      <a:pt x="491" y="249"/>
                    </a:lnTo>
                    <a:lnTo>
                      <a:pt x="488" y="246"/>
                    </a:lnTo>
                    <a:lnTo>
                      <a:pt x="483" y="243"/>
                    </a:lnTo>
                    <a:lnTo>
                      <a:pt x="476" y="241"/>
                    </a:lnTo>
                    <a:lnTo>
                      <a:pt x="471" y="239"/>
                    </a:lnTo>
                    <a:lnTo>
                      <a:pt x="466" y="237"/>
                    </a:lnTo>
                    <a:lnTo>
                      <a:pt x="460" y="236"/>
                    </a:lnTo>
                    <a:lnTo>
                      <a:pt x="457" y="234"/>
                    </a:lnTo>
                    <a:lnTo>
                      <a:pt x="454" y="234"/>
                    </a:lnTo>
                    <a:lnTo>
                      <a:pt x="450" y="234"/>
                    </a:lnTo>
                    <a:lnTo>
                      <a:pt x="447" y="236"/>
                    </a:lnTo>
                    <a:lnTo>
                      <a:pt x="447" y="237"/>
                    </a:lnTo>
                    <a:lnTo>
                      <a:pt x="447" y="239"/>
                    </a:lnTo>
                    <a:lnTo>
                      <a:pt x="449" y="241"/>
                    </a:lnTo>
                    <a:lnTo>
                      <a:pt x="445" y="243"/>
                    </a:lnTo>
                    <a:lnTo>
                      <a:pt x="442" y="243"/>
                    </a:lnTo>
                    <a:lnTo>
                      <a:pt x="438" y="244"/>
                    </a:lnTo>
                    <a:lnTo>
                      <a:pt x="437" y="249"/>
                    </a:lnTo>
                    <a:lnTo>
                      <a:pt x="442" y="251"/>
                    </a:lnTo>
                    <a:lnTo>
                      <a:pt x="445" y="253"/>
                    </a:lnTo>
                    <a:lnTo>
                      <a:pt x="450" y="253"/>
                    </a:lnTo>
                    <a:lnTo>
                      <a:pt x="455" y="255"/>
                    </a:lnTo>
                    <a:lnTo>
                      <a:pt x="459" y="256"/>
                    </a:lnTo>
                    <a:lnTo>
                      <a:pt x="464" y="258"/>
                    </a:lnTo>
                    <a:lnTo>
                      <a:pt x="467" y="261"/>
                    </a:lnTo>
                    <a:lnTo>
                      <a:pt x="471" y="263"/>
                    </a:lnTo>
                    <a:lnTo>
                      <a:pt x="467" y="265"/>
                    </a:lnTo>
                    <a:lnTo>
                      <a:pt x="464" y="265"/>
                    </a:lnTo>
                    <a:lnTo>
                      <a:pt x="460" y="263"/>
                    </a:lnTo>
                    <a:lnTo>
                      <a:pt x="457" y="263"/>
                    </a:lnTo>
                    <a:lnTo>
                      <a:pt x="454" y="261"/>
                    </a:lnTo>
                    <a:lnTo>
                      <a:pt x="449" y="261"/>
                    </a:lnTo>
                    <a:lnTo>
                      <a:pt x="445" y="263"/>
                    </a:lnTo>
                    <a:lnTo>
                      <a:pt x="442" y="263"/>
                    </a:lnTo>
                    <a:lnTo>
                      <a:pt x="443" y="270"/>
                    </a:lnTo>
                    <a:lnTo>
                      <a:pt x="447" y="275"/>
                    </a:lnTo>
                    <a:lnTo>
                      <a:pt x="450" y="278"/>
                    </a:lnTo>
                    <a:lnTo>
                      <a:pt x="455" y="282"/>
                    </a:lnTo>
                    <a:lnTo>
                      <a:pt x="460" y="287"/>
                    </a:lnTo>
                    <a:lnTo>
                      <a:pt x="466" y="290"/>
                    </a:lnTo>
                    <a:lnTo>
                      <a:pt x="469" y="295"/>
                    </a:lnTo>
                    <a:lnTo>
                      <a:pt x="472" y="302"/>
                    </a:lnTo>
                    <a:lnTo>
                      <a:pt x="464" y="304"/>
                    </a:lnTo>
                    <a:lnTo>
                      <a:pt x="454" y="306"/>
                    </a:lnTo>
                    <a:lnTo>
                      <a:pt x="445" y="309"/>
                    </a:lnTo>
                    <a:lnTo>
                      <a:pt x="437" y="311"/>
                    </a:lnTo>
                    <a:lnTo>
                      <a:pt x="428" y="314"/>
                    </a:lnTo>
                    <a:lnTo>
                      <a:pt x="420" y="316"/>
                    </a:lnTo>
                    <a:lnTo>
                      <a:pt x="409" y="318"/>
                    </a:lnTo>
                    <a:lnTo>
                      <a:pt x="401" y="318"/>
                    </a:lnTo>
                    <a:lnTo>
                      <a:pt x="402" y="306"/>
                    </a:lnTo>
                    <a:lnTo>
                      <a:pt x="404" y="294"/>
                    </a:lnTo>
                    <a:lnTo>
                      <a:pt x="402" y="280"/>
                    </a:lnTo>
                    <a:lnTo>
                      <a:pt x="401" y="268"/>
                    </a:lnTo>
                    <a:lnTo>
                      <a:pt x="399" y="265"/>
                    </a:lnTo>
                    <a:lnTo>
                      <a:pt x="397" y="261"/>
                    </a:lnTo>
                    <a:lnTo>
                      <a:pt x="394" y="256"/>
                    </a:lnTo>
                    <a:lnTo>
                      <a:pt x="389" y="256"/>
                    </a:lnTo>
                    <a:lnTo>
                      <a:pt x="385" y="263"/>
                    </a:lnTo>
                    <a:lnTo>
                      <a:pt x="382" y="272"/>
                    </a:lnTo>
                    <a:lnTo>
                      <a:pt x="380" y="280"/>
                    </a:lnTo>
                    <a:lnTo>
                      <a:pt x="375" y="287"/>
                    </a:lnTo>
                    <a:lnTo>
                      <a:pt x="356" y="256"/>
                    </a:lnTo>
                    <a:lnTo>
                      <a:pt x="351" y="256"/>
                    </a:lnTo>
                    <a:lnTo>
                      <a:pt x="351" y="261"/>
                    </a:lnTo>
                    <a:lnTo>
                      <a:pt x="355" y="266"/>
                    </a:lnTo>
                    <a:lnTo>
                      <a:pt x="358" y="273"/>
                    </a:lnTo>
                    <a:lnTo>
                      <a:pt x="360" y="278"/>
                    </a:lnTo>
                    <a:lnTo>
                      <a:pt x="363" y="285"/>
                    </a:lnTo>
                    <a:lnTo>
                      <a:pt x="365" y="290"/>
                    </a:lnTo>
                    <a:lnTo>
                      <a:pt x="368" y="297"/>
                    </a:lnTo>
                    <a:lnTo>
                      <a:pt x="370" y="304"/>
                    </a:lnTo>
                    <a:lnTo>
                      <a:pt x="372" y="311"/>
                    </a:lnTo>
                    <a:lnTo>
                      <a:pt x="375" y="309"/>
                    </a:lnTo>
                    <a:lnTo>
                      <a:pt x="379" y="307"/>
                    </a:lnTo>
                    <a:lnTo>
                      <a:pt x="382" y="304"/>
                    </a:lnTo>
                    <a:lnTo>
                      <a:pt x="385" y="301"/>
                    </a:lnTo>
                    <a:lnTo>
                      <a:pt x="387" y="297"/>
                    </a:lnTo>
                    <a:lnTo>
                      <a:pt x="389" y="294"/>
                    </a:lnTo>
                    <a:lnTo>
                      <a:pt x="391" y="289"/>
                    </a:lnTo>
                    <a:lnTo>
                      <a:pt x="392" y="285"/>
                    </a:lnTo>
                    <a:lnTo>
                      <a:pt x="394" y="289"/>
                    </a:lnTo>
                    <a:lnTo>
                      <a:pt x="392" y="297"/>
                    </a:lnTo>
                    <a:lnTo>
                      <a:pt x="391" y="307"/>
                    </a:lnTo>
                    <a:lnTo>
                      <a:pt x="389" y="314"/>
                    </a:lnTo>
                    <a:lnTo>
                      <a:pt x="385" y="323"/>
                    </a:lnTo>
                    <a:lnTo>
                      <a:pt x="382" y="331"/>
                    </a:lnTo>
                    <a:lnTo>
                      <a:pt x="379" y="340"/>
                    </a:lnTo>
                    <a:lnTo>
                      <a:pt x="375" y="348"/>
                    </a:lnTo>
                    <a:lnTo>
                      <a:pt x="372" y="355"/>
                    </a:lnTo>
                    <a:lnTo>
                      <a:pt x="392" y="357"/>
                    </a:lnTo>
                    <a:lnTo>
                      <a:pt x="394" y="352"/>
                    </a:lnTo>
                    <a:lnTo>
                      <a:pt x="396" y="345"/>
                    </a:lnTo>
                    <a:lnTo>
                      <a:pt x="397" y="338"/>
                    </a:lnTo>
                    <a:lnTo>
                      <a:pt x="399" y="333"/>
                    </a:lnTo>
                    <a:lnTo>
                      <a:pt x="409" y="331"/>
                    </a:lnTo>
                    <a:lnTo>
                      <a:pt x="420" y="330"/>
                    </a:lnTo>
                    <a:lnTo>
                      <a:pt x="430" y="326"/>
                    </a:lnTo>
                    <a:lnTo>
                      <a:pt x="440" y="324"/>
                    </a:lnTo>
                    <a:lnTo>
                      <a:pt x="450" y="321"/>
                    </a:lnTo>
                    <a:lnTo>
                      <a:pt x="460" y="319"/>
                    </a:lnTo>
                    <a:lnTo>
                      <a:pt x="471" y="316"/>
                    </a:lnTo>
                    <a:lnTo>
                      <a:pt x="481" y="314"/>
                    </a:lnTo>
                    <a:lnTo>
                      <a:pt x="484" y="318"/>
                    </a:lnTo>
                    <a:lnTo>
                      <a:pt x="488" y="323"/>
                    </a:lnTo>
                    <a:lnTo>
                      <a:pt x="489" y="326"/>
                    </a:lnTo>
                    <a:lnTo>
                      <a:pt x="491" y="331"/>
                    </a:lnTo>
                    <a:lnTo>
                      <a:pt x="442" y="347"/>
                    </a:lnTo>
                    <a:lnTo>
                      <a:pt x="445" y="362"/>
                    </a:lnTo>
                    <a:lnTo>
                      <a:pt x="447" y="360"/>
                    </a:lnTo>
                    <a:lnTo>
                      <a:pt x="450" y="360"/>
                    </a:lnTo>
                    <a:lnTo>
                      <a:pt x="455" y="359"/>
                    </a:lnTo>
                    <a:lnTo>
                      <a:pt x="462" y="355"/>
                    </a:lnTo>
                    <a:lnTo>
                      <a:pt x="469" y="353"/>
                    </a:lnTo>
                    <a:lnTo>
                      <a:pt x="476" y="350"/>
                    </a:lnTo>
                    <a:lnTo>
                      <a:pt x="483" y="348"/>
                    </a:lnTo>
                    <a:lnTo>
                      <a:pt x="488" y="345"/>
                    </a:lnTo>
                    <a:lnTo>
                      <a:pt x="486" y="370"/>
                    </a:lnTo>
                    <a:lnTo>
                      <a:pt x="442" y="386"/>
                    </a:lnTo>
                    <a:lnTo>
                      <a:pt x="445" y="399"/>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8" name="Freeform 1242"/>
              <p:cNvSpPr>
                <a:spLocks/>
              </p:cNvSpPr>
              <p:nvPr/>
            </p:nvSpPr>
            <p:spPr bwMode="auto">
              <a:xfrm>
                <a:off x="2060251" y="924216"/>
                <a:ext cx="231159" cy="70168"/>
              </a:xfrm>
              <a:custGeom>
                <a:avLst/>
                <a:gdLst/>
                <a:ahLst/>
                <a:cxnLst>
                  <a:cxn ang="0">
                    <a:pos x="240" y="71"/>
                  </a:cxn>
                  <a:cxn ang="0">
                    <a:pos x="237" y="73"/>
                  </a:cxn>
                  <a:cxn ang="0">
                    <a:pos x="233" y="71"/>
                  </a:cxn>
                  <a:cxn ang="0">
                    <a:pos x="230" y="68"/>
                  </a:cxn>
                  <a:cxn ang="0">
                    <a:pos x="228" y="66"/>
                  </a:cxn>
                  <a:cxn ang="0">
                    <a:pos x="216" y="56"/>
                  </a:cxn>
                  <a:cxn ang="0">
                    <a:pos x="205" y="48"/>
                  </a:cxn>
                  <a:cxn ang="0">
                    <a:pos x="193" y="41"/>
                  </a:cxn>
                  <a:cxn ang="0">
                    <a:pos x="179" y="36"/>
                  </a:cxn>
                  <a:cxn ang="0">
                    <a:pos x="165" y="30"/>
                  </a:cxn>
                  <a:cxn ang="0">
                    <a:pos x="150" y="27"/>
                  </a:cxn>
                  <a:cxn ang="0">
                    <a:pos x="136" y="24"/>
                  </a:cxn>
                  <a:cxn ang="0">
                    <a:pos x="121" y="24"/>
                  </a:cxn>
                  <a:cxn ang="0">
                    <a:pos x="106" y="22"/>
                  </a:cxn>
                  <a:cxn ang="0">
                    <a:pos x="90" y="22"/>
                  </a:cxn>
                  <a:cxn ang="0">
                    <a:pos x="75" y="24"/>
                  </a:cxn>
                  <a:cxn ang="0">
                    <a:pos x="61" y="25"/>
                  </a:cxn>
                  <a:cxn ang="0">
                    <a:pos x="46" y="29"/>
                  </a:cxn>
                  <a:cxn ang="0">
                    <a:pos x="32" y="32"/>
                  </a:cxn>
                  <a:cxn ang="0">
                    <a:pos x="19" y="37"/>
                  </a:cxn>
                  <a:cxn ang="0">
                    <a:pos x="5" y="41"/>
                  </a:cxn>
                  <a:cxn ang="0">
                    <a:pos x="3" y="39"/>
                  </a:cxn>
                  <a:cxn ang="0">
                    <a:pos x="2" y="37"/>
                  </a:cxn>
                  <a:cxn ang="0">
                    <a:pos x="0" y="34"/>
                  </a:cxn>
                  <a:cxn ang="0">
                    <a:pos x="0" y="30"/>
                  </a:cxn>
                  <a:cxn ang="0">
                    <a:pos x="8" y="25"/>
                  </a:cxn>
                  <a:cxn ang="0">
                    <a:pos x="15" y="20"/>
                  </a:cxn>
                  <a:cxn ang="0">
                    <a:pos x="22" y="15"/>
                  </a:cxn>
                  <a:cxn ang="0">
                    <a:pos x="31" y="12"/>
                  </a:cxn>
                  <a:cxn ang="0">
                    <a:pos x="39" y="8"/>
                  </a:cxn>
                  <a:cxn ang="0">
                    <a:pos x="48" y="5"/>
                  </a:cxn>
                  <a:cxn ang="0">
                    <a:pos x="56" y="3"/>
                  </a:cxn>
                  <a:cxn ang="0">
                    <a:pos x="65" y="3"/>
                  </a:cxn>
                  <a:cxn ang="0">
                    <a:pos x="75" y="2"/>
                  </a:cxn>
                  <a:cxn ang="0">
                    <a:pos x="83" y="2"/>
                  </a:cxn>
                  <a:cxn ang="0">
                    <a:pos x="92" y="0"/>
                  </a:cxn>
                  <a:cxn ang="0">
                    <a:pos x="101" y="2"/>
                  </a:cxn>
                  <a:cxn ang="0">
                    <a:pos x="111" y="2"/>
                  </a:cxn>
                  <a:cxn ang="0">
                    <a:pos x="119" y="3"/>
                  </a:cxn>
                  <a:cxn ang="0">
                    <a:pos x="130" y="3"/>
                  </a:cxn>
                  <a:cxn ang="0">
                    <a:pos x="138" y="5"/>
                  </a:cxn>
                  <a:cxn ang="0">
                    <a:pos x="145" y="7"/>
                  </a:cxn>
                  <a:cxn ang="0">
                    <a:pos x="153" y="8"/>
                  </a:cxn>
                  <a:cxn ang="0">
                    <a:pos x="160" y="10"/>
                  </a:cxn>
                  <a:cxn ang="0">
                    <a:pos x="167" y="13"/>
                  </a:cxn>
                  <a:cxn ang="0">
                    <a:pos x="176" y="15"/>
                  </a:cxn>
                  <a:cxn ang="0">
                    <a:pos x="182" y="19"/>
                  </a:cxn>
                  <a:cxn ang="0">
                    <a:pos x="189" y="24"/>
                  </a:cxn>
                  <a:cxn ang="0">
                    <a:pos x="196" y="27"/>
                  </a:cxn>
                  <a:cxn ang="0">
                    <a:pos x="203" y="32"/>
                  </a:cxn>
                  <a:cxn ang="0">
                    <a:pos x="210" y="36"/>
                  </a:cxn>
                  <a:cxn ang="0">
                    <a:pos x="216" y="41"/>
                  </a:cxn>
                  <a:cxn ang="0">
                    <a:pos x="222" y="48"/>
                  </a:cxn>
                  <a:cxn ang="0">
                    <a:pos x="227" y="53"/>
                  </a:cxn>
                  <a:cxn ang="0">
                    <a:pos x="232" y="59"/>
                  </a:cxn>
                  <a:cxn ang="0">
                    <a:pos x="237" y="65"/>
                  </a:cxn>
                  <a:cxn ang="0">
                    <a:pos x="240" y="71"/>
                  </a:cxn>
                </a:cxnLst>
                <a:rect l="0" t="0" r="r" b="b"/>
                <a:pathLst>
                  <a:path w="240" h="73">
                    <a:moveTo>
                      <a:pt x="240" y="71"/>
                    </a:moveTo>
                    <a:lnTo>
                      <a:pt x="237" y="73"/>
                    </a:lnTo>
                    <a:lnTo>
                      <a:pt x="233" y="71"/>
                    </a:lnTo>
                    <a:lnTo>
                      <a:pt x="230" y="68"/>
                    </a:lnTo>
                    <a:lnTo>
                      <a:pt x="228" y="66"/>
                    </a:lnTo>
                    <a:lnTo>
                      <a:pt x="216" y="56"/>
                    </a:lnTo>
                    <a:lnTo>
                      <a:pt x="205" y="48"/>
                    </a:lnTo>
                    <a:lnTo>
                      <a:pt x="193" y="41"/>
                    </a:lnTo>
                    <a:lnTo>
                      <a:pt x="179" y="36"/>
                    </a:lnTo>
                    <a:lnTo>
                      <a:pt x="165" y="30"/>
                    </a:lnTo>
                    <a:lnTo>
                      <a:pt x="150" y="27"/>
                    </a:lnTo>
                    <a:lnTo>
                      <a:pt x="136" y="24"/>
                    </a:lnTo>
                    <a:lnTo>
                      <a:pt x="121" y="24"/>
                    </a:lnTo>
                    <a:lnTo>
                      <a:pt x="106" y="22"/>
                    </a:lnTo>
                    <a:lnTo>
                      <a:pt x="90" y="22"/>
                    </a:lnTo>
                    <a:lnTo>
                      <a:pt x="75" y="24"/>
                    </a:lnTo>
                    <a:lnTo>
                      <a:pt x="61" y="25"/>
                    </a:lnTo>
                    <a:lnTo>
                      <a:pt x="46" y="29"/>
                    </a:lnTo>
                    <a:lnTo>
                      <a:pt x="32" y="32"/>
                    </a:lnTo>
                    <a:lnTo>
                      <a:pt x="19" y="37"/>
                    </a:lnTo>
                    <a:lnTo>
                      <a:pt x="5" y="41"/>
                    </a:lnTo>
                    <a:lnTo>
                      <a:pt x="3" y="39"/>
                    </a:lnTo>
                    <a:lnTo>
                      <a:pt x="2" y="37"/>
                    </a:lnTo>
                    <a:lnTo>
                      <a:pt x="0" y="34"/>
                    </a:lnTo>
                    <a:lnTo>
                      <a:pt x="0" y="30"/>
                    </a:lnTo>
                    <a:lnTo>
                      <a:pt x="8" y="25"/>
                    </a:lnTo>
                    <a:lnTo>
                      <a:pt x="15" y="20"/>
                    </a:lnTo>
                    <a:lnTo>
                      <a:pt x="22" y="15"/>
                    </a:lnTo>
                    <a:lnTo>
                      <a:pt x="31" y="12"/>
                    </a:lnTo>
                    <a:lnTo>
                      <a:pt x="39" y="8"/>
                    </a:lnTo>
                    <a:lnTo>
                      <a:pt x="48" y="5"/>
                    </a:lnTo>
                    <a:lnTo>
                      <a:pt x="56" y="3"/>
                    </a:lnTo>
                    <a:lnTo>
                      <a:pt x="65" y="3"/>
                    </a:lnTo>
                    <a:lnTo>
                      <a:pt x="75" y="2"/>
                    </a:lnTo>
                    <a:lnTo>
                      <a:pt x="83" y="2"/>
                    </a:lnTo>
                    <a:lnTo>
                      <a:pt x="92" y="0"/>
                    </a:lnTo>
                    <a:lnTo>
                      <a:pt x="101" y="2"/>
                    </a:lnTo>
                    <a:lnTo>
                      <a:pt x="111" y="2"/>
                    </a:lnTo>
                    <a:lnTo>
                      <a:pt x="119" y="3"/>
                    </a:lnTo>
                    <a:lnTo>
                      <a:pt x="130" y="3"/>
                    </a:lnTo>
                    <a:lnTo>
                      <a:pt x="138" y="5"/>
                    </a:lnTo>
                    <a:lnTo>
                      <a:pt x="145" y="7"/>
                    </a:lnTo>
                    <a:lnTo>
                      <a:pt x="153" y="8"/>
                    </a:lnTo>
                    <a:lnTo>
                      <a:pt x="160" y="10"/>
                    </a:lnTo>
                    <a:lnTo>
                      <a:pt x="167" y="13"/>
                    </a:lnTo>
                    <a:lnTo>
                      <a:pt x="176" y="15"/>
                    </a:lnTo>
                    <a:lnTo>
                      <a:pt x="182" y="19"/>
                    </a:lnTo>
                    <a:lnTo>
                      <a:pt x="189" y="24"/>
                    </a:lnTo>
                    <a:lnTo>
                      <a:pt x="196" y="27"/>
                    </a:lnTo>
                    <a:lnTo>
                      <a:pt x="203" y="32"/>
                    </a:lnTo>
                    <a:lnTo>
                      <a:pt x="210" y="36"/>
                    </a:lnTo>
                    <a:lnTo>
                      <a:pt x="216" y="41"/>
                    </a:lnTo>
                    <a:lnTo>
                      <a:pt x="222" y="48"/>
                    </a:lnTo>
                    <a:lnTo>
                      <a:pt x="227" y="53"/>
                    </a:lnTo>
                    <a:lnTo>
                      <a:pt x="232" y="59"/>
                    </a:lnTo>
                    <a:lnTo>
                      <a:pt x="237" y="65"/>
                    </a:lnTo>
                    <a:lnTo>
                      <a:pt x="240" y="71"/>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9" name="Freeform 1241"/>
              <p:cNvSpPr>
                <a:spLocks/>
              </p:cNvSpPr>
              <p:nvPr/>
            </p:nvSpPr>
            <p:spPr bwMode="auto">
              <a:xfrm>
                <a:off x="1502166" y="961364"/>
                <a:ext cx="449110" cy="451552"/>
              </a:xfrm>
              <a:custGeom>
                <a:avLst/>
                <a:gdLst/>
                <a:ahLst/>
                <a:cxnLst>
                  <a:cxn ang="0">
                    <a:pos x="440" y="384"/>
                  </a:cxn>
                  <a:cxn ang="0">
                    <a:pos x="454" y="24"/>
                  </a:cxn>
                  <a:cxn ang="0">
                    <a:pos x="86" y="19"/>
                  </a:cxn>
                  <a:cxn ang="0">
                    <a:pos x="96" y="411"/>
                  </a:cxn>
                  <a:cxn ang="0">
                    <a:pos x="94" y="413"/>
                  </a:cxn>
                  <a:cxn ang="0">
                    <a:pos x="89" y="414"/>
                  </a:cxn>
                  <a:cxn ang="0">
                    <a:pos x="86" y="416"/>
                  </a:cxn>
                  <a:cxn ang="0">
                    <a:pos x="84" y="414"/>
                  </a:cxn>
                  <a:cxn ang="0">
                    <a:pos x="65" y="29"/>
                  </a:cxn>
                  <a:cxn ang="0">
                    <a:pos x="12" y="78"/>
                  </a:cxn>
                  <a:cxn ang="0">
                    <a:pos x="14" y="136"/>
                  </a:cxn>
                  <a:cxn ang="0">
                    <a:pos x="17" y="264"/>
                  </a:cxn>
                  <a:cxn ang="0">
                    <a:pos x="23" y="392"/>
                  </a:cxn>
                  <a:cxn ang="0">
                    <a:pos x="26" y="454"/>
                  </a:cxn>
                  <a:cxn ang="0">
                    <a:pos x="33" y="450"/>
                  </a:cxn>
                  <a:cxn ang="0">
                    <a:pos x="41" y="445"/>
                  </a:cxn>
                  <a:cxn ang="0">
                    <a:pos x="51" y="442"/>
                  </a:cxn>
                  <a:cxn ang="0">
                    <a:pos x="60" y="438"/>
                  </a:cxn>
                  <a:cxn ang="0">
                    <a:pos x="69" y="435"/>
                  </a:cxn>
                  <a:cxn ang="0">
                    <a:pos x="75" y="433"/>
                  </a:cxn>
                  <a:cxn ang="0">
                    <a:pos x="80" y="431"/>
                  </a:cxn>
                  <a:cxn ang="0">
                    <a:pos x="82" y="431"/>
                  </a:cxn>
                  <a:cxn ang="0">
                    <a:pos x="74" y="437"/>
                  </a:cxn>
                  <a:cxn ang="0">
                    <a:pos x="67" y="442"/>
                  </a:cxn>
                  <a:cxn ang="0">
                    <a:pos x="58" y="445"/>
                  </a:cxn>
                  <a:cxn ang="0">
                    <a:pos x="50" y="450"/>
                  </a:cxn>
                  <a:cxn ang="0">
                    <a:pos x="40" y="455"/>
                  </a:cxn>
                  <a:cxn ang="0">
                    <a:pos x="31" y="460"/>
                  </a:cxn>
                  <a:cxn ang="0">
                    <a:pos x="23" y="466"/>
                  </a:cxn>
                  <a:cxn ang="0">
                    <a:pos x="16" y="469"/>
                  </a:cxn>
                  <a:cxn ang="0">
                    <a:pos x="12" y="454"/>
                  </a:cxn>
                  <a:cxn ang="0">
                    <a:pos x="9" y="409"/>
                  </a:cxn>
                  <a:cxn ang="0">
                    <a:pos x="7" y="348"/>
                  </a:cxn>
                  <a:cxn ang="0">
                    <a:pos x="5" y="278"/>
                  </a:cxn>
                  <a:cxn ang="0">
                    <a:pos x="2" y="206"/>
                  </a:cxn>
                  <a:cxn ang="0">
                    <a:pos x="0" y="142"/>
                  </a:cxn>
                  <a:cxn ang="0">
                    <a:pos x="0" y="92"/>
                  </a:cxn>
                  <a:cxn ang="0">
                    <a:pos x="2" y="68"/>
                  </a:cxn>
                  <a:cxn ang="0">
                    <a:pos x="70" y="0"/>
                  </a:cxn>
                  <a:cxn ang="0">
                    <a:pos x="467" y="10"/>
                  </a:cxn>
                  <a:cxn ang="0">
                    <a:pos x="467" y="27"/>
                  </a:cxn>
                  <a:cxn ang="0">
                    <a:pos x="466" y="70"/>
                  </a:cxn>
                  <a:cxn ang="0">
                    <a:pos x="462" y="131"/>
                  </a:cxn>
                  <a:cxn ang="0">
                    <a:pos x="459" y="201"/>
                  </a:cxn>
                  <a:cxn ang="0">
                    <a:pos x="456" y="271"/>
                  </a:cxn>
                  <a:cxn ang="0">
                    <a:pos x="454" y="333"/>
                  </a:cxn>
                  <a:cxn ang="0">
                    <a:pos x="452" y="375"/>
                  </a:cxn>
                  <a:cxn ang="0">
                    <a:pos x="450" y="390"/>
                  </a:cxn>
                  <a:cxn ang="0">
                    <a:pos x="440" y="384"/>
                  </a:cxn>
                </a:cxnLst>
                <a:rect l="0" t="0" r="r" b="b"/>
                <a:pathLst>
                  <a:path w="467" h="469">
                    <a:moveTo>
                      <a:pt x="440" y="384"/>
                    </a:moveTo>
                    <a:lnTo>
                      <a:pt x="454" y="24"/>
                    </a:lnTo>
                    <a:lnTo>
                      <a:pt x="86" y="19"/>
                    </a:lnTo>
                    <a:lnTo>
                      <a:pt x="96" y="411"/>
                    </a:lnTo>
                    <a:lnTo>
                      <a:pt x="94" y="413"/>
                    </a:lnTo>
                    <a:lnTo>
                      <a:pt x="89" y="414"/>
                    </a:lnTo>
                    <a:lnTo>
                      <a:pt x="86" y="416"/>
                    </a:lnTo>
                    <a:lnTo>
                      <a:pt x="84" y="414"/>
                    </a:lnTo>
                    <a:lnTo>
                      <a:pt x="65" y="29"/>
                    </a:lnTo>
                    <a:lnTo>
                      <a:pt x="12" y="78"/>
                    </a:lnTo>
                    <a:lnTo>
                      <a:pt x="14" y="136"/>
                    </a:lnTo>
                    <a:lnTo>
                      <a:pt x="17" y="264"/>
                    </a:lnTo>
                    <a:lnTo>
                      <a:pt x="23" y="392"/>
                    </a:lnTo>
                    <a:lnTo>
                      <a:pt x="26" y="454"/>
                    </a:lnTo>
                    <a:lnTo>
                      <a:pt x="33" y="450"/>
                    </a:lnTo>
                    <a:lnTo>
                      <a:pt x="41" y="445"/>
                    </a:lnTo>
                    <a:lnTo>
                      <a:pt x="51" y="442"/>
                    </a:lnTo>
                    <a:lnTo>
                      <a:pt x="60" y="438"/>
                    </a:lnTo>
                    <a:lnTo>
                      <a:pt x="69" y="435"/>
                    </a:lnTo>
                    <a:lnTo>
                      <a:pt x="75" y="433"/>
                    </a:lnTo>
                    <a:lnTo>
                      <a:pt x="80" y="431"/>
                    </a:lnTo>
                    <a:lnTo>
                      <a:pt x="82" y="431"/>
                    </a:lnTo>
                    <a:lnTo>
                      <a:pt x="74" y="437"/>
                    </a:lnTo>
                    <a:lnTo>
                      <a:pt x="67" y="442"/>
                    </a:lnTo>
                    <a:lnTo>
                      <a:pt x="58" y="445"/>
                    </a:lnTo>
                    <a:lnTo>
                      <a:pt x="50" y="450"/>
                    </a:lnTo>
                    <a:lnTo>
                      <a:pt x="40" y="455"/>
                    </a:lnTo>
                    <a:lnTo>
                      <a:pt x="31" y="460"/>
                    </a:lnTo>
                    <a:lnTo>
                      <a:pt x="23" y="466"/>
                    </a:lnTo>
                    <a:lnTo>
                      <a:pt x="16" y="469"/>
                    </a:lnTo>
                    <a:lnTo>
                      <a:pt x="12" y="454"/>
                    </a:lnTo>
                    <a:lnTo>
                      <a:pt x="9" y="409"/>
                    </a:lnTo>
                    <a:lnTo>
                      <a:pt x="7" y="348"/>
                    </a:lnTo>
                    <a:lnTo>
                      <a:pt x="5" y="278"/>
                    </a:lnTo>
                    <a:lnTo>
                      <a:pt x="2" y="206"/>
                    </a:lnTo>
                    <a:lnTo>
                      <a:pt x="0" y="142"/>
                    </a:lnTo>
                    <a:lnTo>
                      <a:pt x="0" y="92"/>
                    </a:lnTo>
                    <a:lnTo>
                      <a:pt x="2" y="68"/>
                    </a:lnTo>
                    <a:lnTo>
                      <a:pt x="70" y="0"/>
                    </a:lnTo>
                    <a:lnTo>
                      <a:pt x="467" y="10"/>
                    </a:lnTo>
                    <a:lnTo>
                      <a:pt x="467" y="27"/>
                    </a:lnTo>
                    <a:lnTo>
                      <a:pt x="466" y="70"/>
                    </a:lnTo>
                    <a:lnTo>
                      <a:pt x="462" y="131"/>
                    </a:lnTo>
                    <a:lnTo>
                      <a:pt x="459" y="201"/>
                    </a:lnTo>
                    <a:lnTo>
                      <a:pt x="456" y="271"/>
                    </a:lnTo>
                    <a:lnTo>
                      <a:pt x="454" y="333"/>
                    </a:lnTo>
                    <a:lnTo>
                      <a:pt x="452" y="375"/>
                    </a:lnTo>
                    <a:lnTo>
                      <a:pt x="450" y="390"/>
                    </a:lnTo>
                    <a:lnTo>
                      <a:pt x="440" y="384"/>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0" name="Freeform 1240"/>
              <p:cNvSpPr>
                <a:spLocks/>
              </p:cNvSpPr>
              <p:nvPr/>
            </p:nvSpPr>
            <p:spPr bwMode="auto">
              <a:xfrm>
                <a:off x="1985950" y="966317"/>
                <a:ext cx="305461" cy="373955"/>
              </a:xfrm>
              <a:custGeom>
                <a:avLst/>
                <a:gdLst/>
                <a:ahLst/>
                <a:cxnLst>
                  <a:cxn ang="0">
                    <a:pos x="278" y="380"/>
                  </a:cxn>
                  <a:cxn ang="0">
                    <a:pos x="264" y="356"/>
                  </a:cxn>
                  <a:cxn ang="0">
                    <a:pos x="247" y="300"/>
                  </a:cxn>
                  <a:cxn ang="0">
                    <a:pos x="225" y="263"/>
                  </a:cxn>
                  <a:cxn ang="0">
                    <a:pos x="198" y="235"/>
                  </a:cxn>
                  <a:cxn ang="0">
                    <a:pos x="169" y="224"/>
                  </a:cxn>
                  <a:cxn ang="0">
                    <a:pos x="166" y="217"/>
                  </a:cxn>
                  <a:cxn ang="0">
                    <a:pos x="179" y="217"/>
                  </a:cxn>
                  <a:cxn ang="0">
                    <a:pos x="198" y="186"/>
                  </a:cxn>
                  <a:cxn ang="0">
                    <a:pos x="193" y="160"/>
                  </a:cxn>
                  <a:cxn ang="0">
                    <a:pos x="166" y="147"/>
                  </a:cxn>
                  <a:cxn ang="0">
                    <a:pos x="126" y="138"/>
                  </a:cxn>
                  <a:cxn ang="0">
                    <a:pos x="87" y="126"/>
                  </a:cxn>
                  <a:cxn ang="0">
                    <a:pos x="53" y="130"/>
                  </a:cxn>
                  <a:cxn ang="0">
                    <a:pos x="48" y="229"/>
                  </a:cxn>
                  <a:cxn ang="0">
                    <a:pos x="74" y="297"/>
                  </a:cxn>
                  <a:cxn ang="0">
                    <a:pos x="118" y="333"/>
                  </a:cxn>
                  <a:cxn ang="0">
                    <a:pos x="132" y="329"/>
                  </a:cxn>
                  <a:cxn ang="0">
                    <a:pos x="132" y="336"/>
                  </a:cxn>
                  <a:cxn ang="0">
                    <a:pos x="114" y="339"/>
                  </a:cxn>
                  <a:cxn ang="0">
                    <a:pos x="72" y="314"/>
                  </a:cxn>
                  <a:cxn ang="0">
                    <a:pos x="41" y="271"/>
                  </a:cxn>
                  <a:cxn ang="0">
                    <a:pos x="26" y="217"/>
                  </a:cxn>
                  <a:cxn ang="0">
                    <a:pos x="17" y="154"/>
                  </a:cxn>
                  <a:cxn ang="0">
                    <a:pos x="2" y="148"/>
                  </a:cxn>
                  <a:cxn ang="0">
                    <a:pos x="34" y="101"/>
                  </a:cxn>
                  <a:cxn ang="0">
                    <a:pos x="28" y="65"/>
                  </a:cxn>
                  <a:cxn ang="0">
                    <a:pos x="33" y="29"/>
                  </a:cxn>
                  <a:cxn ang="0">
                    <a:pos x="53" y="5"/>
                  </a:cxn>
                  <a:cxn ang="0">
                    <a:pos x="67" y="10"/>
                  </a:cxn>
                  <a:cxn ang="0">
                    <a:pos x="51" y="26"/>
                  </a:cxn>
                  <a:cxn ang="0">
                    <a:pos x="65" y="85"/>
                  </a:cxn>
                  <a:cxn ang="0">
                    <a:pos x="109" y="113"/>
                  </a:cxn>
                  <a:cxn ang="0">
                    <a:pos x="160" y="126"/>
                  </a:cxn>
                  <a:cxn ang="0">
                    <a:pos x="208" y="147"/>
                  </a:cxn>
                  <a:cxn ang="0">
                    <a:pos x="241" y="162"/>
                  </a:cxn>
                  <a:cxn ang="0">
                    <a:pos x="253" y="193"/>
                  </a:cxn>
                  <a:cxn ang="0">
                    <a:pos x="235" y="198"/>
                  </a:cxn>
                  <a:cxn ang="0">
                    <a:pos x="224" y="188"/>
                  </a:cxn>
                  <a:cxn ang="0">
                    <a:pos x="241" y="191"/>
                  </a:cxn>
                  <a:cxn ang="0">
                    <a:pos x="235" y="176"/>
                  </a:cxn>
                  <a:cxn ang="0">
                    <a:pos x="213" y="162"/>
                  </a:cxn>
                  <a:cxn ang="0">
                    <a:pos x="217" y="206"/>
                  </a:cxn>
                  <a:cxn ang="0">
                    <a:pos x="239" y="254"/>
                  </a:cxn>
                  <a:cxn ang="0">
                    <a:pos x="278" y="285"/>
                  </a:cxn>
                  <a:cxn ang="0">
                    <a:pos x="304" y="281"/>
                  </a:cxn>
                  <a:cxn ang="0">
                    <a:pos x="297" y="273"/>
                  </a:cxn>
                  <a:cxn ang="0">
                    <a:pos x="316" y="273"/>
                  </a:cxn>
                  <a:cxn ang="0">
                    <a:pos x="314" y="295"/>
                  </a:cxn>
                  <a:cxn ang="0">
                    <a:pos x="283" y="300"/>
                  </a:cxn>
                  <a:cxn ang="0">
                    <a:pos x="256" y="288"/>
                  </a:cxn>
                  <a:cxn ang="0">
                    <a:pos x="278" y="338"/>
                  </a:cxn>
                </a:cxnLst>
                <a:rect l="0" t="0" r="r" b="b"/>
                <a:pathLst>
                  <a:path w="317" h="389">
                    <a:moveTo>
                      <a:pt x="288" y="389"/>
                    </a:moveTo>
                    <a:lnTo>
                      <a:pt x="285" y="387"/>
                    </a:lnTo>
                    <a:lnTo>
                      <a:pt x="283" y="385"/>
                    </a:lnTo>
                    <a:lnTo>
                      <a:pt x="280" y="384"/>
                    </a:lnTo>
                    <a:lnTo>
                      <a:pt x="278" y="380"/>
                    </a:lnTo>
                    <a:lnTo>
                      <a:pt x="276" y="377"/>
                    </a:lnTo>
                    <a:lnTo>
                      <a:pt x="275" y="374"/>
                    </a:lnTo>
                    <a:lnTo>
                      <a:pt x="273" y="370"/>
                    </a:lnTo>
                    <a:lnTo>
                      <a:pt x="271" y="367"/>
                    </a:lnTo>
                    <a:lnTo>
                      <a:pt x="264" y="356"/>
                    </a:lnTo>
                    <a:lnTo>
                      <a:pt x="261" y="346"/>
                    </a:lnTo>
                    <a:lnTo>
                      <a:pt x="256" y="336"/>
                    </a:lnTo>
                    <a:lnTo>
                      <a:pt x="253" y="324"/>
                    </a:lnTo>
                    <a:lnTo>
                      <a:pt x="251" y="312"/>
                    </a:lnTo>
                    <a:lnTo>
                      <a:pt x="247" y="300"/>
                    </a:lnTo>
                    <a:lnTo>
                      <a:pt x="246" y="288"/>
                    </a:lnTo>
                    <a:lnTo>
                      <a:pt x="242" y="276"/>
                    </a:lnTo>
                    <a:lnTo>
                      <a:pt x="237" y="271"/>
                    </a:lnTo>
                    <a:lnTo>
                      <a:pt x="230" y="268"/>
                    </a:lnTo>
                    <a:lnTo>
                      <a:pt x="225" y="263"/>
                    </a:lnTo>
                    <a:lnTo>
                      <a:pt x="218" y="258"/>
                    </a:lnTo>
                    <a:lnTo>
                      <a:pt x="213" y="252"/>
                    </a:lnTo>
                    <a:lnTo>
                      <a:pt x="207" y="247"/>
                    </a:lnTo>
                    <a:lnTo>
                      <a:pt x="201" y="241"/>
                    </a:lnTo>
                    <a:lnTo>
                      <a:pt x="198" y="235"/>
                    </a:lnTo>
                    <a:lnTo>
                      <a:pt x="193" y="235"/>
                    </a:lnTo>
                    <a:lnTo>
                      <a:pt x="186" y="234"/>
                    </a:lnTo>
                    <a:lnTo>
                      <a:pt x="179" y="230"/>
                    </a:lnTo>
                    <a:lnTo>
                      <a:pt x="174" y="227"/>
                    </a:lnTo>
                    <a:lnTo>
                      <a:pt x="169" y="224"/>
                    </a:lnTo>
                    <a:lnTo>
                      <a:pt x="164" y="220"/>
                    </a:lnTo>
                    <a:lnTo>
                      <a:pt x="162" y="217"/>
                    </a:lnTo>
                    <a:lnTo>
                      <a:pt x="160" y="217"/>
                    </a:lnTo>
                    <a:lnTo>
                      <a:pt x="164" y="217"/>
                    </a:lnTo>
                    <a:lnTo>
                      <a:pt x="166" y="217"/>
                    </a:lnTo>
                    <a:lnTo>
                      <a:pt x="169" y="217"/>
                    </a:lnTo>
                    <a:lnTo>
                      <a:pt x="171" y="217"/>
                    </a:lnTo>
                    <a:lnTo>
                      <a:pt x="174" y="217"/>
                    </a:lnTo>
                    <a:lnTo>
                      <a:pt x="178" y="218"/>
                    </a:lnTo>
                    <a:lnTo>
                      <a:pt x="179" y="217"/>
                    </a:lnTo>
                    <a:lnTo>
                      <a:pt x="183" y="217"/>
                    </a:lnTo>
                    <a:lnTo>
                      <a:pt x="191" y="210"/>
                    </a:lnTo>
                    <a:lnTo>
                      <a:pt x="195" y="203"/>
                    </a:lnTo>
                    <a:lnTo>
                      <a:pt x="196" y="195"/>
                    </a:lnTo>
                    <a:lnTo>
                      <a:pt x="198" y="186"/>
                    </a:lnTo>
                    <a:lnTo>
                      <a:pt x="198" y="181"/>
                    </a:lnTo>
                    <a:lnTo>
                      <a:pt x="196" y="176"/>
                    </a:lnTo>
                    <a:lnTo>
                      <a:pt x="196" y="171"/>
                    </a:lnTo>
                    <a:lnTo>
                      <a:pt x="195" y="166"/>
                    </a:lnTo>
                    <a:lnTo>
                      <a:pt x="193" y="160"/>
                    </a:lnTo>
                    <a:lnTo>
                      <a:pt x="189" y="157"/>
                    </a:lnTo>
                    <a:lnTo>
                      <a:pt x="186" y="152"/>
                    </a:lnTo>
                    <a:lnTo>
                      <a:pt x="183" y="150"/>
                    </a:lnTo>
                    <a:lnTo>
                      <a:pt x="174" y="148"/>
                    </a:lnTo>
                    <a:lnTo>
                      <a:pt x="166" y="147"/>
                    </a:lnTo>
                    <a:lnTo>
                      <a:pt x="157" y="145"/>
                    </a:lnTo>
                    <a:lnTo>
                      <a:pt x="150" y="143"/>
                    </a:lnTo>
                    <a:lnTo>
                      <a:pt x="142" y="142"/>
                    </a:lnTo>
                    <a:lnTo>
                      <a:pt x="133" y="140"/>
                    </a:lnTo>
                    <a:lnTo>
                      <a:pt x="126" y="138"/>
                    </a:lnTo>
                    <a:lnTo>
                      <a:pt x="118" y="137"/>
                    </a:lnTo>
                    <a:lnTo>
                      <a:pt x="109" y="135"/>
                    </a:lnTo>
                    <a:lnTo>
                      <a:pt x="103" y="133"/>
                    </a:lnTo>
                    <a:lnTo>
                      <a:pt x="94" y="130"/>
                    </a:lnTo>
                    <a:lnTo>
                      <a:pt x="87" y="126"/>
                    </a:lnTo>
                    <a:lnTo>
                      <a:pt x="79" y="125"/>
                    </a:lnTo>
                    <a:lnTo>
                      <a:pt x="72" y="119"/>
                    </a:lnTo>
                    <a:lnTo>
                      <a:pt x="65" y="116"/>
                    </a:lnTo>
                    <a:lnTo>
                      <a:pt x="58" y="111"/>
                    </a:lnTo>
                    <a:lnTo>
                      <a:pt x="53" y="130"/>
                    </a:lnTo>
                    <a:lnTo>
                      <a:pt x="50" y="148"/>
                    </a:lnTo>
                    <a:lnTo>
                      <a:pt x="46" y="169"/>
                    </a:lnTo>
                    <a:lnTo>
                      <a:pt x="46" y="188"/>
                    </a:lnTo>
                    <a:lnTo>
                      <a:pt x="46" y="208"/>
                    </a:lnTo>
                    <a:lnTo>
                      <a:pt x="48" y="229"/>
                    </a:lnTo>
                    <a:lnTo>
                      <a:pt x="51" y="249"/>
                    </a:lnTo>
                    <a:lnTo>
                      <a:pt x="56" y="268"/>
                    </a:lnTo>
                    <a:lnTo>
                      <a:pt x="63" y="278"/>
                    </a:lnTo>
                    <a:lnTo>
                      <a:pt x="68" y="288"/>
                    </a:lnTo>
                    <a:lnTo>
                      <a:pt x="74" y="297"/>
                    </a:lnTo>
                    <a:lnTo>
                      <a:pt x="80" y="307"/>
                    </a:lnTo>
                    <a:lnTo>
                      <a:pt x="89" y="316"/>
                    </a:lnTo>
                    <a:lnTo>
                      <a:pt x="97" y="322"/>
                    </a:lnTo>
                    <a:lnTo>
                      <a:pt x="106" y="329"/>
                    </a:lnTo>
                    <a:lnTo>
                      <a:pt x="118" y="333"/>
                    </a:lnTo>
                    <a:lnTo>
                      <a:pt x="120" y="333"/>
                    </a:lnTo>
                    <a:lnTo>
                      <a:pt x="123" y="333"/>
                    </a:lnTo>
                    <a:lnTo>
                      <a:pt x="126" y="331"/>
                    </a:lnTo>
                    <a:lnTo>
                      <a:pt x="130" y="329"/>
                    </a:lnTo>
                    <a:lnTo>
                      <a:pt x="132" y="329"/>
                    </a:lnTo>
                    <a:lnTo>
                      <a:pt x="135" y="328"/>
                    </a:lnTo>
                    <a:lnTo>
                      <a:pt x="137" y="329"/>
                    </a:lnTo>
                    <a:lnTo>
                      <a:pt x="138" y="331"/>
                    </a:lnTo>
                    <a:lnTo>
                      <a:pt x="135" y="334"/>
                    </a:lnTo>
                    <a:lnTo>
                      <a:pt x="132" y="336"/>
                    </a:lnTo>
                    <a:lnTo>
                      <a:pt x="128" y="338"/>
                    </a:lnTo>
                    <a:lnTo>
                      <a:pt x="125" y="338"/>
                    </a:lnTo>
                    <a:lnTo>
                      <a:pt x="121" y="339"/>
                    </a:lnTo>
                    <a:lnTo>
                      <a:pt x="118" y="339"/>
                    </a:lnTo>
                    <a:lnTo>
                      <a:pt x="114" y="339"/>
                    </a:lnTo>
                    <a:lnTo>
                      <a:pt x="109" y="338"/>
                    </a:lnTo>
                    <a:lnTo>
                      <a:pt x="99" y="333"/>
                    </a:lnTo>
                    <a:lnTo>
                      <a:pt x="89" y="328"/>
                    </a:lnTo>
                    <a:lnTo>
                      <a:pt x="80" y="321"/>
                    </a:lnTo>
                    <a:lnTo>
                      <a:pt x="72" y="314"/>
                    </a:lnTo>
                    <a:lnTo>
                      <a:pt x="63" y="307"/>
                    </a:lnTo>
                    <a:lnTo>
                      <a:pt x="56" y="299"/>
                    </a:lnTo>
                    <a:lnTo>
                      <a:pt x="51" y="290"/>
                    </a:lnTo>
                    <a:lnTo>
                      <a:pt x="45" y="280"/>
                    </a:lnTo>
                    <a:lnTo>
                      <a:pt x="41" y="271"/>
                    </a:lnTo>
                    <a:lnTo>
                      <a:pt x="36" y="261"/>
                    </a:lnTo>
                    <a:lnTo>
                      <a:pt x="33" y="249"/>
                    </a:lnTo>
                    <a:lnTo>
                      <a:pt x="29" y="239"/>
                    </a:lnTo>
                    <a:lnTo>
                      <a:pt x="28" y="227"/>
                    </a:lnTo>
                    <a:lnTo>
                      <a:pt x="26" y="217"/>
                    </a:lnTo>
                    <a:lnTo>
                      <a:pt x="24" y="205"/>
                    </a:lnTo>
                    <a:lnTo>
                      <a:pt x="24" y="193"/>
                    </a:lnTo>
                    <a:lnTo>
                      <a:pt x="24" y="154"/>
                    </a:lnTo>
                    <a:lnTo>
                      <a:pt x="21" y="154"/>
                    </a:lnTo>
                    <a:lnTo>
                      <a:pt x="17" y="154"/>
                    </a:lnTo>
                    <a:lnTo>
                      <a:pt x="14" y="154"/>
                    </a:lnTo>
                    <a:lnTo>
                      <a:pt x="10" y="154"/>
                    </a:lnTo>
                    <a:lnTo>
                      <a:pt x="7" y="152"/>
                    </a:lnTo>
                    <a:lnTo>
                      <a:pt x="4" y="150"/>
                    </a:lnTo>
                    <a:lnTo>
                      <a:pt x="2" y="148"/>
                    </a:lnTo>
                    <a:lnTo>
                      <a:pt x="0" y="147"/>
                    </a:lnTo>
                    <a:lnTo>
                      <a:pt x="26" y="138"/>
                    </a:lnTo>
                    <a:lnTo>
                      <a:pt x="29" y="126"/>
                    </a:lnTo>
                    <a:lnTo>
                      <a:pt x="31" y="113"/>
                    </a:lnTo>
                    <a:lnTo>
                      <a:pt x="34" y="101"/>
                    </a:lnTo>
                    <a:lnTo>
                      <a:pt x="41" y="92"/>
                    </a:lnTo>
                    <a:lnTo>
                      <a:pt x="36" y="85"/>
                    </a:lnTo>
                    <a:lnTo>
                      <a:pt x="33" y="80"/>
                    </a:lnTo>
                    <a:lnTo>
                      <a:pt x="29" y="72"/>
                    </a:lnTo>
                    <a:lnTo>
                      <a:pt x="28" y="65"/>
                    </a:lnTo>
                    <a:lnTo>
                      <a:pt x="26" y="58"/>
                    </a:lnTo>
                    <a:lnTo>
                      <a:pt x="26" y="51"/>
                    </a:lnTo>
                    <a:lnTo>
                      <a:pt x="28" y="43"/>
                    </a:lnTo>
                    <a:lnTo>
                      <a:pt x="29" y="36"/>
                    </a:lnTo>
                    <a:lnTo>
                      <a:pt x="33" y="29"/>
                    </a:lnTo>
                    <a:lnTo>
                      <a:pt x="36" y="24"/>
                    </a:lnTo>
                    <a:lnTo>
                      <a:pt x="39" y="19"/>
                    </a:lnTo>
                    <a:lnTo>
                      <a:pt x="45" y="14"/>
                    </a:lnTo>
                    <a:lnTo>
                      <a:pt x="48" y="10"/>
                    </a:lnTo>
                    <a:lnTo>
                      <a:pt x="53" y="5"/>
                    </a:lnTo>
                    <a:lnTo>
                      <a:pt x="58" y="4"/>
                    </a:lnTo>
                    <a:lnTo>
                      <a:pt x="65" y="0"/>
                    </a:lnTo>
                    <a:lnTo>
                      <a:pt x="67" y="4"/>
                    </a:lnTo>
                    <a:lnTo>
                      <a:pt x="68" y="7"/>
                    </a:lnTo>
                    <a:lnTo>
                      <a:pt x="67" y="10"/>
                    </a:lnTo>
                    <a:lnTo>
                      <a:pt x="63" y="12"/>
                    </a:lnTo>
                    <a:lnTo>
                      <a:pt x="60" y="15"/>
                    </a:lnTo>
                    <a:lnTo>
                      <a:pt x="56" y="19"/>
                    </a:lnTo>
                    <a:lnTo>
                      <a:pt x="53" y="22"/>
                    </a:lnTo>
                    <a:lnTo>
                      <a:pt x="51" y="26"/>
                    </a:lnTo>
                    <a:lnTo>
                      <a:pt x="48" y="38"/>
                    </a:lnTo>
                    <a:lnTo>
                      <a:pt x="48" y="53"/>
                    </a:lnTo>
                    <a:lnTo>
                      <a:pt x="51" y="65"/>
                    </a:lnTo>
                    <a:lnTo>
                      <a:pt x="56" y="77"/>
                    </a:lnTo>
                    <a:lnTo>
                      <a:pt x="65" y="85"/>
                    </a:lnTo>
                    <a:lnTo>
                      <a:pt x="72" y="94"/>
                    </a:lnTo>
                    <a:lnTo>
                      <a:pt x="80" y="101"/>
                    </a:lnTo>
                    <a:lnTo>
                      <a:pt x="91" y="106"/>
                    </a:lnTo>
                    <a:lnTo>
                      <a:pt x="99" y="109"/>
                    </a:lnTo>
                    <a:lnTo>
                      <a:pt x="109" y="113"/>
                    </a:lnTo>
                    <a:lnTo>
                      <a:pt x="120" y="116"/>
                    </a:lnTo>
                    <a:lnTo>
                      <a:pt x="130" y="119"/>
                    </a:lnTo>
                    <a:lnTo>
                      <a:pt x="140" y="121"/>
                    </a:lnTo>
                    <a:lnTo>
                      <a:pt x="150" y="125"/>
                    </a:lnTo>
                    <a:lnTo>
                      <a:pt x="160" y="126"/>
                    </a:lnTo>
                    <a:lnTo>
                      <a:pt x="171" y="130"/>
                    </a:lnTo>
                    <a:lnTo>
                      <a:pt x="181" y="133"/>
                    </a:lnTo>
                    <a:lnTo>
                      <a:pt x="189" y="137"/>
                    </a:lnTo>
                    <a:lnTo>
                      <a:pt x="200" y="142"/>
                    </a:lnTo>
                    <a:lnTo>
                      <a:pt x="208" y="147"/>
                    </a:lnTo>
                    <a:lnTo>
                      <a:pt x="215" y="148"/>
                    </a:lnTo>
                    <a:lnTo>
                      <a:pt x="222" y="150"/>
                    </a:lnTo>
                    <a:lnTo>
                      <a:pt x="229" y="154"/>
                    </a:lnTo>
                    <a:lnTo>
                      <a:pt x="235" y="157"/>
                    </a:lnTo>
                    <a:lnTo>
                      <a:pt x="241" y="162"/>
                    </a:lnTo>
                    <a:lnTo>
                      <a:pt x="246" y="167"/>
                    </a:lnTo>
                    <a:lnTo>
                      <a:pt x="249" y="172"/>
                    </a:lnTo>
                    <a:lnTo>
                      <a:pt x="253" y="179"/>
                    </a:lnTo>
                    <a:lnTo>
                      <a:pt x="254" y="186"/>
                    </a:lnTo>
                    <a:lnTo>
                      <a:pt x="253" y="193"/>
                    </a:lnTo>
                    <a:lnTo>
                      <a:pt x="251" y="196"/>
                    </a:lnTo>
                    <a:lnTo>
                      <a:pt x="246" y="201"/>
                    </a:lnTo>
                    <a:lnTo>
                      <a:pt x="242" y="201"/>
                    </a:lnTo>
                    <a:lnTo>
                      <a:pt x="239" y="200"/>
                    </a:lnTo>
                    <a:lnTo>
                      <a:pt x="235" y="198"/>
                    </a:lnTo>
                    <a:lnTo>
                      <a:pt x="232" y="195"/>
                    </a:lnTo>
                    <a:lnTo>
                      <a:pt x="229" y="193"/>
                    </a:lnTo>
                    <a:lnTo>
                      <a:pt x="227" y="189"/>
                    </a:lnTo>
                    <a:lnTo>
                      <a:pt x="225" y="188"/>
                    </a:lnTo>
                    <a:lnTo>
                      <a:pt x="224" y="188"/>
                    </a:lnTo>
                    <a:lnTo>
                      <a:pt x="227" y="189"/>
                    </a:lnTo>
                    <a:lnTo>
                      <a:pt x="230" y="191"/>
                    </a:lnTo>
                    <a:lnTo>
                      <a:pt x="234" y="193"/>
                    </a:lnTo>
                    <a:lnTo>
                      <a:pt x="237" y="195"/>
                    </a:lnTo>
                    <a:lnTo>
                      <a:pt x="241" y="191"/>
                    </a:lnTo>
                    <a:lnTo>
                      <a:pt x="242" y="188"/>
                    </a:lnTo>
                    <a:lnTo>
                      <a:pt x="242" y="186"/>
                    </a:lnTo>
                    <a:lnTo>
                      <a:pt x="242" y="183"/>
                    </a:lnTo>
                    <a:lnTo>
                      <a:pt x="239" y="179"/>
                    </a:lnTo>
                    <a:lnTo>
                      <a:pt x="235" y="176"/>
                    </a:lnTo>
                    <a:lnTo>
                      <a:pt x="230" y="172"/>
                    </a:lnTo>
                    <a:lnTo>
                      <a:pt x="227" y="169"/>
                    </a:lnTo>
                    <a:lnTo>
                      <a:pt x="224" y="166"/>
                    </a:lnTo>
                    <a:lnTo>
                      <a:pt x="218" y="164"/>
                    </a:lnTo>
                    <a:lnTo>
                      <a:pt x="213" y="162"/>
                    </a:lnTo>
                    <a:lnTo>
                      <a:pt x="210" y="162"/>
                    </a:lnTo>
                    <a:lnTo>
                      <a:pt x="213" y="172"/>
                    </a:lnTo>
                    <a:lnTo>
                      <a:pt x="215" y="183"/>
                    </a:lnTo>
                    <a:lnTo>
                      <a:pt x="215" y="195"/>
                    </a:lnTo>
                    <a:lnTo>
                      <a:pt x="217" y="206"/>
                    </a:lnTo>
                    <a:lnTo>
                      <a:pt x="217" y="217"/>
                    </a:lnTo>
                    <a:lnTo>
                      <a:pt x="220" y="229"/>
                    </a:lnTo>
                    <a:lnTo>
                      <a:pt x="225" y="239"/>
                    </a:lnTo>
                    <a:lnTo>
                      <a:pt x="232" y="247"/>
                    </a:lnTo>
                    <a:lnTo>
                      <a:pt x="239" y="254"/>
                    </a:lnTo>
                    <a:lnTo>
                      <a:pt x="246" y="263"/>
                    </a:lnTo>
                    <a:lnTo>
                      <a:pt x="253" y="270"/>
                    </a:lnTo>
                    <a:lnTo>
                      <a:pt x="261" y="276"/>
                    </a:lnTo>
                    <a:lnTo>
                      <a:pt x="270" y="281"/>
                    </a:lnTo>
                    <a:lnTo>
                      <a:pt x="278" y="285"/>
                    </a:lnTo>
                    <a:lnTo>
                      <a:pt x="287" y="287"/>
                    </a:lnTo>
                    <a:lnTo>
                      <a:pt x="297" y="287"/>
                    </a:lnTo>
                    <a:lnTo>
                      <a:pt x="299" y="285"/>
                    </a:lnTo>
                    <a:lnTo>
                      <a:pt x="300" y="283"/>
                    </a:lnTo>
                    <a:lnTo>
                      <a:pt x="304" y="281"/>
                    </a:lnTo>
                    <a:lnTo>
                      <a:pt x="305" y="280"/>
                    </a:lnTo>
                    <a:lnTo>
                      <a:pt x="302" y="278"/>
                    </a:lnTo>
                    <a:lnTo>
                      <a:pt x="300" y="276"/>
                    </a:lnTo>
                    <a:lnTo>
                      <a:pt x="297" y="276"/>
                    </a:lnTo>
                    <a:lnTo>
                      <a:pt x="297" y="273"/>
                    </a:lnTo>
                    <a:lnTo>
                      <a:pt x="300" y="271"/>
                    </a:lnTo>
                    <a:lnTo>
                      <a:pt x="304" y="270"/>
                    </a:lnTo>
                    <a:lnTo>
                      <a:pt x="309" y="270"/>
                    </a:lnTo>
                    <a:lnTo>
                      <a:pt x="312" y="271"/>
                    </a:lnTo>
                    <a:lnTo>
                      <a:pt x="316" y="273"/>
                    </a:lnTo>
                    <a:lnTo>
                      <a:pt x="317" y="278"/>
                    </a:lnTo>
                    <a:lnTo>
                      <a:pt x="317" y="281"/>
                    </a:lnTo>
                    <a:lnTo>
                      <a:pt x="317" y="285"/>
                    </a:lnTo>
                    <a:lnTo>
                      <a:pt x="316" y="290"/>
                    </a:lnTo>
                    <a:lnTo>
                      <a:pt x="314" y="295"/>
                    </a:lnTo>
                    <a:lnTo>
                      <a:pt x="309" y="299"/>
                    </a:lnTo>
                    <a:lnTo>
                      <a:pt x="302" y="302"/>
                    </a:lnTo>
                    <a:lnTo>
                      <a:pt x="295" y="302"/>
                    </a:lnTo>
                    <a:lnTo>
                      <a:pt x="288" y="302"/>
                    </a:lnTo>
                    <a:lnTo>
                      <a:pt x="283" y="300"/>
                    </a:lnTo>
                    <a:lnTo>
                      <a:pt x="276" y="299"/>
                    </a:lnTo>
                    <a:lnTo>
                      <a:pt x="271" y="295"/>
                    </a:lnTo>
                    <a:lnTo>
                      <a:pt x="264" y="293"/>
                    </a:lnTo>
                    <a:lnTo>
                      <a:pt x="261" y="290"/>
                    </a:lnTo>
                    <a:lnTo>
                      <a:pt x="256" y="288"/>
                    </a:lnTo>
                    <a:lnTo>
                      <a:pt x="259" y="299"/>
                    </a:lnTo>
                    <a:lnTo>
                      <a:pt x="264" y="309"/>
                    </a:lnTo>
                    <a:lnTo>
                      <a:pt x="268" y="317"/>
                    </a:lnTo>
                    <a:lnTo>
                      <a:pt x="273" y="328"/>
                    </a:lnTo>
                    <a:lnTo>
                      <a:pt x="278" y="338"/>
                    </a:lnTo>
                    <a:lnTo>
                      <a:pt x="283" y="348"/>
                    </a:lnTo>
                    <a:lnTo>
                      <a:pt x="290" y="358"/>
                    </a:lnTo>
                    <a:lnTo>
                      <a:pt x="297" y="367"/>
                    </a:lnTo>
                    <a:lnTo>
                      <a:pt x="288" y="389"/>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1" name="Freeform 1239"/>
              <p:cNvSpPr>
                <a:spLocks/>
              </p:cNvSpPr>
              <p:nvPr/>
            </p:nvSpPr>
            <p:spPr bwMode="auto">
              <a:xfrm>
                <a:off x="2307096" y="989431"/>
                <a:ext cx="116405" cy="226189"/>
              </a:xfrm>
              <a:custGeom>
                <a:avLst/>
                <a:gdLst/>
                <a:ahLst/>
                <a:cxnLst>
                  <a:cxn ang="0">
                    <a:pos x="116" y="72"/>
                  </a:cxn>
                  <a:cxn ang="0">
                    <a:pos x="121" y="116"/>
                  </a:cxn>
                  <a:cxn ang="0">
                    <a:pos x="116" y="159"/>
                  </a:cxn>
                  <a:cxn ang="0">
                    <a:pos x="99" y="200"/>
                  </a:cxn>
                  <a:cxn ang="0">
                    <a:pos x="81" y="222"/>
                  </a:cxn>
                  <a:cxn ang="0">
                    <a:pos x="66" y="228"/>
                  </a:cxn>
                  <a:cxn ang="0">
                    <a:pos x="51" y="234"/>
                  </a:cxn>
                  <a:cxn ang="0">
                    <a:pos x="41" y="235"/>
                  </a:cxn>
                  <a:cxn ang="0">
                    <a:pos x="41" y="232"/>
                  </a:cxn>
                  <a:cxn ang="0">
                    <a:pos x="51" y="223"/>
                  </a:cxn>
                  <a:cxn ang="0">
                    <a:pos x="64" y="213"/>
                  </a:cxn>
                  <a:cxn ang="0">
                    <a:pos x="78" y="203"/>
                  </a:cxn>
                  <a:cxn ang="0">
                    <a:pos x="87" y="182"/>
                  </a:cxn>
                  <a:cxn ang="0">
                    <a:pos x="95" y="150"/>
                  </a:cxn>
                  <a:cxn ang="0">
                    <a:pos x="99" y="116"/>
                  </a:cxn>
                  <a:cxn ang="0">
                    <a:pos x="97" y="82"/>
                  </a:cxn>
                  <a:cxn ang="0">
                    <a:pos x="92" y="61"/>
                  </a:cxn>
                  <a:cxn ang="0">
                    <a:pos x="88" y="53"/>
                  </a:cxn>
                  <a:cxn ang="0">
                    <a:pos x="85" y="44"/>
                  </a:cxn>
                  <a:cxn ang="0">
                    <a:pos x="78" y="38"/>
                  </a:cxn>
                  <a:cxn ang="0">
                    <a:pos x="64" y="26"/>
                  </a:cxn>
                  <a:cxn ang="0">
                    <a:pos x="41" y="15"/>
                  </a:cxn>
                  <a:cxn ang="0">
                    <a:pos x="17" y="12"/>
                  </a:cxn>
                  <a:cxn ang="0">
                    <a:pos x="1" y="12"/>
                  </a:cxn>
                  <a:cxn ang="0">
                    <a:pos x="6" y="7"/>
                  </a:cxn>
                  <a:cxn ang="0">
                    <a:pos x="24" y="2"/>
                  </a:cxn>
                  <a:cxn ang="0">
                    <a:pos x="42" y="2"/>
                  </a:cxn>
                  <a:cxn ang="0">
                    <a:pos x="61" y="5"/>
                  </a:cxn>
                  <a:cxn ang="0">
                    <a:pos x="75" y="14"/>
                  </a:cxn>
                  <a:cxn ang="0">
                    <a:pos x="87" y="22"/>
                  </a:cxn>
                  <a:cxn ang="0">
                    <a:pos x="97" y="34"/>
                  </a:cxn>
                  <a:cxn ang="0">
                    <a:pos x="105" y="46"/>
                  </a:cxn>
                </a:cxnLst>
                <a:rect l="0" t="0" r="r" b="b"/>
                <a:pathLst>
                  <a:path w="121" h="235">
                    <a:moveTo>
                      <a:pt x="109" y="53"/>
                    </a:moveTo>
                    <a:lnTo>
                      <a:pt x="116" y="72"/>
                    </a:lnTo>
                    <a:lnTo>
                      <a:pt x="121" y="94"/>
                    </a:lnTo>
                    <a:lnTo>
                      <a:pt x="121" y="116"/>
                    </a:lnTo>
                    <a:lnTo>
                      <a:pt x="121" y="138"/>
                    </a:lnTo>
                    <a:lnTo>
                      <a:pt x="116" y="159"/>
                    </a:lnTo>
                    <a:lnTo>
                      <a:pt x="109" y="181"/>
                    </a:lnTo>
                    <a:lnTo>
                      <a:pt x="99" y="200"/>
                    </a:lnTo>
                    <a:lnTo>
                      <a:pt x="87" y="217"/>
                    </a:lnTo>
                    <a:lnTo>
                      <a:pt x="81" y="222"/>
                    </a:lnTo>
                    <a:lnTo>
                      <a:pt x="75" y="225"/>
                    </a:lnTo>
                    <a:lnTo>
                      <a:pt x="66" y="228"/>
                    </a:lnTo>
                    <a:lnTo>
                      <a:pt x="59" y="232"/>
                    </a:lnTo>
                    <a:lnTo>
                      <a:pt x="51" y="234"/>
                    </a:lnTo>
                    <a:lnTo>
                      <a:pt x="44" y="235"/>
                    </a:lnTo>
                    <a:lnTo>
                      <a:pt x="41" y="235"/>
                    </a:lnTo>
                    <a:lnTo>
                      <a:pt x="37" y="235"/>
                    </a:lnTo>
                    <a:lnTo>
                      <a:pt x="41" y="232"/>
                    </a:lnTo>
                    <a:lnTo>
                      <a:pt x="44" y="228"/>
                    </a:lnTo>
                    <a:lnTo>
                      <a:pt x="51" y="223"/>
                    </a:lnTo>
                    <a:lnTo>
                      <a:pt x="58" y="218"/>
                    </a:lnTo>
                    <a:lnTo>
                      <a:pt x="64" y="213"/>
                    </a:lnTo>
                    <a:lnTo>
                      <a:pt x="71" y="208"/>
                    </a:lnTo>
                    <a:lnTo>
                      <a:pt x="78" y="203"/>
                    </a:lnTo>
                    <a:lnTo>
                      <a:pt x="81" y="198"/>
                    </a:lnTo>
                    <a:lnTo>
                      <a:pt x="87" y="182"/>
                    </a:lnTo>
                    <a:lnTo>
                      <a:pt x="92" y="167"/>
                    </a:lnTo>
                    <a:lnTo>
                      <a:pt x="95" y="150"/>
                    </a:lnTo>
                    <a:lnTo>
                      <a:pt x="99" y="133"/>
                    </a:lnTo>
                    <a:lnTo>
                      <a:pt x="99" y="116"/>
                    </a:lnTo>
                    <a:lnTo>
                      <a:pt x="99" y="99"/>
                    </a:lnTo>
                    <a:lnTo>
                      <a:pt x="97" y="82"/>
                    </a:lnTo>
                    <a:lnTo>
                      <a:pt x="92" y="67"/>
                    </a:lnTo>
                    <a:lnTo>
                      <a:pt x="92" y="61"/>
                    </a:lnTo>
                    <a:lnTo>
                      <a:pt x="90" y="56"/>
                    </a:lnTo>
                    <a:lnTo>
                      <a:pt x="88" y="53"/>
                    </a:lnTo>
                    <a:lnTo>
                      <a:pt x="87" y="48"/>
                    </a:lnTo>
                    <a:lnTo>
                      <a:pt x="85" y="44"/>
                    </a:lnTo>
                    <a:lnTo>
                      <a:pt x="81" y="41"/>
                    </a:lnTo>
                    <a:lnTo>
                      <a:pt x="78" y="38"/>
                    </a:lnTo>
                    <a:lnTo>
                      <a:pt x="76" y="34"/>
                    </a:lnTo>
                    <a:lnTo>
                      <a:pt x="64" y="26"/>
                    </a:lnTo>
                    <a:lnTo>
                      <a:pt x="53" y="19"/>
                    </a:lnTo>
                    <a:lnTo>
                      <a:pt x="41" y="15"/>
                    </a:lnTo>
                    <a:lnTo>
                      <a:pt x="29" y="14"/>
                    </a:lnTo>
                    <a:lnTo>
                      <a:pt x="17" y="12"/>
                    </a:lnTo>
                    <a:lnTo>
                      <a:pt x="8" y="12"/>
                    </a:lnTo>
                    <a:lnTo>
                      <a:pt x="1" y="12"/>
                    </a:lnTo>
                    <a:lnTo>
                      <a:pt x="0" y="12"/>
                    </a:lnTo>
                    <a:lnTo>
                      <a:pt x="6" y="7"/>
                    </a:lnTo>
                    <a:lnTo>
                      <a:pt x="15" y="3"/>
                    </a:lnTo>
                    <a:lnTo>
                      <a:pt x="24" y="2"/>
                    </a:lnTo>
                    <a:lnTo>
                      <a:pt x="34" y="0"/>
                    </a:lnTo>
                    <a:lnTo>
                      <a:pt x="42" y="2"/>
                    </a:lnTo>
                    <a:lnTo>
                      <a:pt x="53" y="3"/>
                    </a:lnTo>
                    <a:lnTo>
                      <a:pt x="61" y="5"/>
                    </a:lnTo>
                    <a:lnTo>
                      <a:pt x="68" y="9"/>
                    </a:lnTo>
                    <a:lnTo>
                      <a:pt x="75" y="14"/>
                    </a:lnTo>
                    <a:lnTo>
                      <a:pt x="80" y="17"/>
                    </a:lnTo>
                    <a:lnTo>
                      <a:pt x="87" y="22"/>
                    </a:lnTo>
                    <a:lnTo>
                      <a:pt x="92" y="27"/>
                    </a:lnTo>
                    <a:lnTo>
                      <a:pt x="97" y="34"/>
                    </a:lnTo>
                    <a:lnTo>
                      <a:pt x="100" y="39"/>
                    </a:lnTo>
                    <a:lnTo>
                      <a:pt x="105" y="46"/>
                    </a:lnTo>
                    <a:lnTo>
                      <a:pt x="109" y="53"/>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2" name="Freeform 1238"/>
              <p:cNvSpPr>
                <a:spLocks/>
              </p:cNvSpPr>
              <p:nvPr/>
            </p:nvSpPr>
            <p:spPr bwMode="auto">
              <a:xfrm>
                <a:off x="1616095" y="1015847"/>
                <a:ext cx="290600" cy="316169"/>
              </a:xfrm>
              <a:custGeom>
                <a:avLst/>
                <a:gdLst/>
                <a:ahLst/>
                <a:cxnLst>
                  <a:cxn ang="0">
                    <a:pos x="302" y="2"/>
                  </a:cxn>
                  <a:cxn ang="0">
                    <a:pos x="302" y="51"/>
                  </a:cxn>
                  <a:cxn ang="0">
                    <a:pos x="302" y="157"/>
                  </a:cxn>
                  <a:cxn ang="0">
                    <a:pos x="300" y="266"/>
                  </a:cxn>
                  <a:cxn ang="0">
                    <a:pos x="295" y="314"/>
                  </a:cxn>
                  <a:cxn ang="0">
                    <a:pos x="291" y="314"/>
                  </a:cxn>
                  <a:cxn ang="0">
                    <a:pos x="285" y="316"/>
                  </a:cxn>
                  <a:cxn ang="0">
                    <a:pos x="273" y="316"/>
                  </a:cxn>
                  <a:cxn ang="0">
                    <a:pos x="257" y="317"/>
                  </a:cxn>
                  <a:cxn ang="0">
                    <a:pos x="240" y="319"/>
                  </a:cxn>
                  <a:cxn ang="0">
                    <a:pos x="218" y="319"/>
                  </a:cxn>
                  <a:cxn ang="0">
                    <a:pos x="196" y="321"/>
                  </a:cxn>
                  <a:cxn ang="0">
                    <a:pos x="172" y="323"/>
                  </a:cxn>
                  <a:cxn ang="0">
                    <a:pos x="148" y="324"/>
                  </a:cxn>
                  <a:cxn ang="0">
                    <a:pos x="124" y="324"/>
                  </a:cxn>
                  <a:cxn ang="0">
                    <a:pos x="101" y="326"/>
                  </a:cxn>
                  <a:cxn ang="0">
                    <a:pos x="78" y="328"/>
                  </a:cxn>
                  <a:cxn ang="0">
                    <a:pos x="60" y="328"/>
                  </a:cxn>
                  <a:cxn ang="0">
                    <a:pos x="41" y="329"/>
                  </a:cxn>
                  <a:cxn ang="0">
                    <a:pos x="27" y="329"/>
                  </a:cxn>
                  <a:cxn ang="0">
                    <a:pos x="15" y="329"/>
                  </a:cxn>
                  <a:cxn ang="0">
                    <a:pos x="0" y="0"/>
                  </a:cxn>
                  <a:cxn ang="0">
                    <a:pos x="302" y="2"/>
                  </a:cxn>
                </a:cxnLst>
                <a:rect l="0" t="0" r="r" b="b"/>
                <a:pathLst>
                  <a:path w="302" h="329">
                    <a:moveTo>
                      <a:pt x="302" y="2"/>
                    </a:moveTo>
                    <a:lnTo>
                      <a:pt x="302" y="51"/>
                    </a:lnTo>
                    <a:lnTo>
                      <a:pt x="302" y="157"/>
                    </a:lnTo>
                    <a:lnTo>
                      <a:pt x="300" y="266"/>
                    </a:lnTo>
                    <a:lnTo>
                      <a:pt x="295" y="314"/>
                    </a:lnTo>
                    <a:lnTo>
                      <a:pt x="291" y="314"/>
                    </a:lnTo>
                    <a:lnTo>
                      <a:pt x="285" y="316"/>
                    </a:lnTo>
                    <a:lnTo>
                      <a:pt x="273" y="316"/>
                    </a:lnTo>
                    <a:lnTo>
                      <a:pt x="257" y="317"/>
                    </a:lnTo>
                    <a:lnTo>
                      <a:pt x="240" y="319"/>
                    </a:lnTo>
                    <a:lnTo>
                      <a:pt x="218" y="319"/>
                    </a:lnTo>
                    <a:lnTo>
                      <a:pt x="196" y="321"/>
                    </a:lnTo>
                    <a:lnTo>
                      <a:pt x="172" y="323"/>
                    </a:lnTo>
                    <a:lnTo>
                      <a:pt x="148" y="324"/>
                    </a:lnTo>
                    <a:lnTo>
                      <a:pt x="124" y="324"/>
                    </a:lnTo>
                    <a:lnTo>
                      <a:pt x="101" y="326"/>
                    </a:lnTo>
                    <a:lnTo>
                      <a:pt x="78" y="328"/>
                    </a:lnTo>
                    <a:lnTo>
                      <a:pt x="60" y="328"/>
                    </a:lnTo>
                    <a:lnTo>
                      <a:pt x="41" y="329"/>
                    </a:lnTo>
                    <a:lnTo>
                      <a:pt x="27" y="329"/>
                    </a:lnTo>
                    <a:lnTo>
                      <a:pt x="15" y="329"/>
                    </a:lnTo>
                    <a:lnTo>
                      <a:pt x="0" y="0"/>
                    </a:lnTo>
                    <a:lnTo>
                      <a:pt x="302" y="2"/>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3" name="Freeform 1237"/>
              <p:cNvSpPr>
                <a:spLocks/>
              </p:cNvSpPr>
              <p:nvPr/>
            </p:nvSpPr>
            <p:spPr bwMode="auto">
              <a:xfrm>
                <a:off x="2257562" y="1012545"/>
                <a:ext cx="104847" cy="196471"/>
              </a:xfrm>
              <a:custGeom>
                <a:avLst/>
                <a:gdLst/>
                <a:ahLst/>
                <a:cxnLst>
                  <a:cxn ang="0">
                    <a:pos x="64" y="85"/>
                  </a:cxn>
                  <a:cxn ang="0">
                    <a:pos x="57" y="107"/>
                  </a:cxn>
                  <a:cxn ang="0">
                    <a:pos x="42" y="126"/>
                  </a:cxn>
                  <a:cxn ang="0">
                    <a:pos x="34" y="129"/>
                  </a:cxn>
                  <a:cxn ang="0">
                    <a:pos x="23" y="129"/>
                  </a:cxn>
                  <a:cxn ang="0">
                    <a:pos x="17" y="131"/>
                  </a:cxn>
                  <a:cxn ang="0">
                    <a:pos x="23" y="138"/>
                  </a:cxn>
                  <a:cxn ang="0">
                    <a:pos x="34" y="141"/>
                  </a:cxn>
                  <a:cxn ang="0">
                    <a:pos x="46" y="140"/>
                  </a:cxn>
                  <a:cxn ang="0">
                    <a:pos x="59" y="140"/>
                  </a:cxn>
                  <a:cxn ang="0">
                    <a:pos x="68" y="141"/>
                  </a:cxn>
                  <a:cxn ang="0">
                    <a:pos x="64" y="162"/>
                  </a:cxn>
                  <a:cxn ang="0">
                    <a:pos x="52" y="179"/>
                  </a:cxn>
                  <a:cxn ang="0">
                    <a:pos x="46" y="189"/>
                  </a:cxn>
                  <a:cxn ang="0">
                    <a:pos x="61" y="189"/>
                  </a:cxn>
                  <a:cxn ang="0">
                    <a:pos x="73" y="184"/>
                  </a:cxn>
                  <a:cxn ang="0">
                    <a:pos x="83" y="176"/>
                  </a:cxn>
                  <a:cxn ang="0">
                    <a:pos x="93" y="164"/>
                  </a:cxn>
                  <a:cxn ang="0">
                    <a:pos x="105" y="155"/>
                  </a:cxn>
                  <a:cxn ang="0">
                    <a:pos x="109" y="169"/>
                  </a:cxn>
                  <a:cxn ang="0">
                    <a:pos x="97" y="187"/>
                  </a:cxn>
                  <a:cxn ang="0">
                    <a:pos x="75" y="199"/>
                  </a:cxn>
                  <a:cxn ang="0">
                    <a:pos x="51" y="204"/>
                  </a:cxn>
                  <a:cxn ang="0">
                    <a:pos x="39" y="199"/>
                  </a:cxn>
                  <a:cxn ang="0">
                    <a:pos x="27" y="194"/>
                  </a:cxn>
                  <a:cxn ang="0">
                    <a:pos x="22" y="186"/>
                  </a:cxn>
                  <a:cxn ang="0">
                    <a:pos x="28" y="182"/>
                  </a:cxn>
                  <a:cxn ang="0">
                    <a:pos x="35" y="181"/>
                  </a:cxn>
                  <a:cxn ang="0">
                    <a:pos x="49" y="169"/>
                  </a:cxn>
                  <a:cxn ang="0">
                    <a:pos x="49" y="158"/>
                  </a:cxn>
                  <a:cxn ang="0">
                    <a:pos x="32" y="155"/>
                  </a:cxn>
                  <a:cxn ang="0">
                    <a:pos x="15" y="147"/>
                  </a:cxn>
                  <a:cxn ang="0">
                    <a:pos x="1" y="123"/>
                  </a:cxn>
                  <a:cxn ang="0">
                    <a:pos x="5" y="102"/>
                  </a:cxn>
                  <a:cxn ang="0">
                    <a:pos x="10" y="112"/>
                  </a:cxn>
                  <a:cxn ang="0">
                    <a:pos x="15" y="121"/>
                  </a:cxn>
                  <a:cxn ang="0">
                    <a:pos x="25" y="121"/>
                  </a:cxn>
                  <a:cxn ang="0">
                    <a:pos x="32" y="121"/>
                  </a:cxn>
                  <a:cxn ang="0">
                    <a:pos x="37" y="118"/>
                  </a:cxn>
                  <a:cxn ang="0">
                    <a:pos x="40" y="70"/>
                  </a:cxn>
                  <a:cxn ang="0">
                    <a:pos x="30" y="24"/>
                  </a:cxn>
                  <a:cxn ang="0">
                    <a:pos x="54" y="8"/>
                  </a:cxn>
                  <a:cxn ang="0">
                    <a:pos x="63" y="70"/>
                  </a:cxn>
                </a:cxnLst>
                <a:rect l="0" t="0" r="r" b="b"/>
                <a:pathLst>
                  <a:path w="109" h="204">
                    <a:moveTo>
                      <a:pt x="63" y="70"/>
                    </a:moveTo>
                    <a:lnTo>
                      <a:pt x="64" y="78"/>
                    </a:lnTo>
                    <a:lnTo>
                      <a:pt x="64" y="85"/>
                    </a:lnTo>
                    <a:lnTo>
                      <a:pt x="63" y="92"/>
                    </a:lnTo>
                    <a:lnTo>
                      <a:pt x="61" y="100"/>
                    </a:lnTo>
                    <a:lnTo>
                      <a:pt x="57" y="107"/>
                    </a:lnTo>
                    <a:lnTo>
                      <a:pt x="52" y="112"/>
                    </a:lnTo>
                    <a:lnTo>
                      <a:pt x="49" y="119"/>
                    </a:lnTo>
                    <a:lnTo>
                      <a:pt x="42" y="126"/>
                    </a:lnTo>
                    <a:lnTo>
                      <a:pt x="40" y="128"/>
                    </a:lnTo>
                    <a:lnTo>
                      <a:pt x="37" y="128"/>
                    </a:lnTo>
                    <a:lnTo>
                      <a:pt x="34" y="129"/>
                    </a:lnTo>
                    <a:lnTo>
                      <a:pt x="30" y="129"/>
                    </a:lnTo>
                    <a:lnTo>
                      <a:pt x="27" y="129"/>
                    </a:lnTo>
                    <a:lnTo>
                      <a:pt x="23" y="129"/>
                    </a:lnTo>
                    <a:lnTo>
                      <a:pt x="18" y="129"/>
                    </a:lnTo>
                    <a:lnTo>
                      <a:pt x="15" y="129"/>
                    </a:lnTo>
                    <a:lnTo>
                      <a:pt x="17" y="131"/>
                    </a:lnTo>
                    <a:lnTo>
                      <a:pt x="18" y="135"/>
                    </a:lnTo>
                    <a:lnTo>
                      <a:pt x="22" y="136"/>
                    </a:lnTo>
                    <a:lnTo>
                      <a:pt x="23" y="138"/>
                    </a:lnTo>
                    <a:lnTo>
                      <a:pt x="27" y="140"/>
                    </a:lnTo>
                    <a:lnTo>
                      <a:pt x="30" y="140"/>
                    </a:lnTo>
                    <a:lnTo>
                      <a:pt x="34" y="141"/>
                    </a:lnTo>
                    <a:lnTo>
                      <a:pt x="37" y="141"/>
                    </a:lnTo>
                    <a:lnTo>
                      <a:pt x="40" y="141"/>
                    </a:lnTo>
                    <a:lnTo>
                      <a:pt x="46" y="140"/>
                    </a:lnTo>
                    <a:lnTo>
                      <a:pt x="49" y="140"/>
                    </a:lnTo>
                    <a:lnTo>
                      <a:pt x="54" y="140"/>
                    </a:lnTo>
                    <a:lnTo>
                      <a:pt x="59" y="140"/>
                    </a:lnTo>
                    <a:lnTo>
                      <a:pt x="63" y="140"/>
                    </a:lnTo>
                    <a:lnTo>
                      <a:pt x="66" y="140"/>
                    </a:lnTo>
                    <a:lnTo>
                      <a:pt x="68" y="141"/>
                    </a:lnTo>
                    <a:lnTo>
                      <a:pt x="68" y="148"/>
                    </a:lnTo>
                    <a:lnTo>
                      <a:pt x="68" y="155"/>
                    </a:lnTo>
                    <a:lnTo>
                      <a:pt x="64" y="162"/>
                    </a:lnTo>
                    <a:lnTo>
                      <a:pt x="61" y="169"/>
                    </a:lnTo>
                    <a:lnTo>
                      <a:pt x="57" y="174"/>
                    </a:lnTo>
                    <a:lnTo>
                      <a:pt x="52" y="179"/>
                    </a:lnTo>
                    <a:lnTo>
                      <a:pt x="47" y="182"/>
                    </a:lnTo>
                    <a:lnTo>
                      <a:pt x="42" y="187"/>
                    </a:lnTo>
                    <a:lnTo>
                      <a:pt x="46" y="189"/>
                    </a:lnTo>
                    <a:lnTo>
                      <a:pt x="51" y="189"/>
                    </a:lnTo>
                    <a:lnTo>
                      <a:pt x="56" y="189"/>
                    </a:lnTo>
                    <a:lnTo>
                      <a:pt x="61" y="189"/>
                    </a:lnTo>
                    <a:lnTo>
                      <a:pt x="64" y="187"/>
                    </a:lnTo>
                    <a:lnTo>
                      <a:pt x="69" y="186"/>
                    </a:lnTo>
                    <a:lnTo>
                      <a:pt x="73" y="184"/>
                    </a:lnTo>
                    <a:lnTo>
                      <a:pt x="78" y="181"/>
                    </a:lnTo>
                    <a:lnTo>
                      <a:pt x="81" y="179"/>
                    </a:lnTo>
                    <a:lnTo>
                      <a:pt x="83" y="176"/>
                    </a:lnTo>
                    <a:lnTo>
                      <a:pt x="86" y="172"/>
                    </a:lnTo>
                    <a:lnTo>
                      <a:pt x="90" y="169"/>
                    </a:lnTo>
                    <a:lnTo>
                      <a:pt x="93" y="164"/>
                    </a:lnTo>
                    <a:lnTo>
                      <a:pt x="97" y="160"/>
                    </a:lnTo>
                    <a:lnTo>
                      <a:pt x="100" y="157"/>
                    </a:lnTo>
                    <a:lnTo>
                      <a:pt x="105" y="155"/>
                    </a:lnTo>
                    <a:lnTo>
                      <a:pt x="107" y="160"/>
                    </a:lnTo>
                    <a:lnTo>
                      <a:pt x="109" y="165"/>
                    </a:lnTo>
                    <a:lnTo>
                      <a:pt x="109" y="169"/>
                    </a:lnTo>
                    <a:lnTo>
                      <a:pt x="107" y="174"/>
                    </a:lnTo>
                    <a:lnTo>
                      <a:pt x="104" y="181"/>
                    </a:lnTo>
                    <a:lnTo>
                      <a:pt x="97" y="187"/>
                    </a:lnTo>
                    <a:lnTo>
                      <a:pt x="90" y="193"/>
                    </a:lnTo>
                    <a:lnTo>
                      <a:pt x="83" y="196"/>
                    </a:lnTo>
                    <a:lnTo>
                      <a:pt x="75" y="199"/>
                    </a:lnTo>
                    <a:lnTo>
                      <a:pt x="68" y="201"/>
                    </a:lnTo>
                    <a:lnTo>
                      <a:pt x="59" y="203"/>
                    </a:lnTo>
                    <a:lnTo>
                      <a:pt x="51" y="204"/>
                    </a:lnTo>
                    <a:lnTo>
                      <a:pt x="47" y="203"/>
                    </a:lnTo>
                    <a:lnTo>
                      <a:pt x="44" y="201"/>
                    </a:lnTo>
                    <a:lnTo>
                      <a:pt x="39" y="199"/>
                    </a:lnTo>
                    <a:lnTo>
                      <a:pt x="35" y="198"/>
                    </a:lnTo>
                    <a:lnTo>
                      <a:pt x="32" y="196"/>
                    </a:lnTo>
                    <a:lnTo>
                      <a:pt x="27" y="194"/>
                    </a:lnTo>
                    <a:lnTo>
                      <a:pt x="25" y="191"/>
                    </a:lnTo>
                    <a:lnTo>
                      <a:pt x="22" y="187"/>
                    </a:lnTo>
                    <a:lnTo>
                      <a:pt x="22" y="186"/>
                    </a:lnTo>
                    <a:lnTo>
                      <a:pt x="23" y="184"/>
                    </a:lnTo>
                    <a:lnTo>
                      <a:pt x="27" y="182"/>
                    </a:lnTo>
                    <a:lnTo>
                      <a:pt x="28" y="182"/>
                    </a:lnTo>
                    <a:lnTo>
                      <a:pt x="30" y="182"/>
                    </a:lnTo>
                    <a:lnTo>
                      <a:pt x="34" y="181"/>
                    </a:lnTo>
                    <a:lnTo>
                      <a:pt x="35" y="181"/>
                    </a:lnTo>
                    <a:lnTo>
                      <a:pt x="37" y="179"/>
                    </a:lnTo>
                    <a:lnTo>
                      <a:pt x="44" y="174"/>
                    </a:lnTo>
                    <a:lnTo>
                      <a:pt x="49" y="169"/>
                    </a:lnTo>
                    <a:lnTo>
                      <a:pt x="52" y="164"/>
                    </a:lnTo>
                    <a:lnTo>
                      <a:pt x="54" y="157"/>
                    </a:lnTo>
                    <a:lnTo>
                      <a:pt x="49" y="158"/>
                    </a:lnTo>
                    <a:lnTo>
                      <a:pt x="42" y="158"/>
                    </a:lnTo>
                    <a:lnTo>
                      <a:pt x="37" y="157"/>
                    </a:lnTo>
                    <a:lnTo>
                      <a:pt x="32" y="155"/>
                    </a:lnTo>
                    <a:lnTo>
                      <a:pt x="27" y="153"/>
                    </a:lnTo>
                    <a:lnTo>
                      <a:pt x="20" y="150"/>
                    </a:lnTo>
                    <a:lnTo>
                      <a:pt x="15" y="147"/>
                    </a:lnTo>
                    <a:lnTo>
                      <a:pt x="11" y="141"/>
                    </a:lnTo>
                    <a:lnTo>
                      <a:pt x="5" y="133"/>
                    </a:lnTo>
                    <a:lnTo>
                      <a:pt x="1" y="123"/>
                    </a:lnTo>
                    <a:lnTo>
                      <a:pt x="0" y="112"/>
                    </a:lnTo>
                    <a:lnTo>
                      <a:pt x="3" y="102"/>
                    </a:lnTo>
                    <a:lnTo>
                      <a:pt x="5" y="102"/>
                    </a:lnTo>
                    <a:lnTo>
                      <a:pt x="6" y="106"/>
                    </a:lnTo>
                    <a:lnTo>
                      <a:pt x="8" y="109"/>
                    </a:lnTo>
                    <a:lnTo>
                      <a:pt x="10" y="112"/>
                    </a:lnTo>
                    <a:lnTo>
                      <a:pt x="10" y="116"/>
                    </a:lnTo>
                    <a:lnTo>
                      <a:pt x="13" y="119"/>
                    </a:lnTo>
                    <a:lnTo>
                      <a:pt x="15" y="121"/>
                    </a:lnTo>
                    <a:lnTo>
                      <a:pt x="20" y="121"/>
                    </a:lnTo>
                    <a:lnTo>
                      <a:pt x="22" y="121"/>
                    </a:lnTo>
                    <a:lnTo>
                      <a:pt x="25" y="121"/>
                    </a:lnTo>
                    <a:lnTo>
                      <a:pt x="27" y="121"/>
                    </a:lnTo>
                    <a:lnTo>
                      <a:pt x="28" y="121"/>
                    </a:lnTo>
                    <a:lnTo>
                      <a:pt x="32" y="121"/>
                    </a:lnTo>
                    <a:lnTo>
                      <a:pt x="34" y="119"/>
                    </a:lnTo>
                    <a:lnTo>
                      <a:pt x="37" y="119"/>
                    </a:lnTo>
                    <a:lnTo>
                      <a:pt x="37" y="118"/>
                    </a:lnTo>
                    <a:lnTo>
                      <a:pt x="46" y="102"/>
                    </a:lnTo>
                    <a:lnTo>
                      <a:pt x="46" y="87"/>
                    </a:lnTo>
                    <a:lnTo>
                      <a:pt x="40" y="70"/>
                    </a:lnTo>
                    <a:lnTo>
                      <a:pt x="35" y="54"/>
                    </a:lnTo>
                    <a:lnTo>
                      <a:pt x="30" y="39"/>
                    </a:lnTo>
                    <a:lnTo>
                      <a:pt x="30" y="24"/>
                    </a:lnTo>
                    <a:lnTo>
                      <a:pt x="37" y="12"/>
                    </a:lnTo>
                    <a:lnTo>
                      <a:pt x="54" y="0"/>
                    </a:lnTo>
                    <a:lnTo>
                      <a:pt x="54" y="8"/>
                    </a:lnTo>
                    <a:lnTo>
                      <a:pt x="57" y="27"/>
                    </a:lnTo>
                    <a:lnTo>
                      <a:pt x="59" y="49"/>
                    </a:lnTo>
                    <a:lnTo>
                      <a:pt x="63" y="7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4" name="Freeform 1236"/>
              <p:cNvSpPr>
                <a:spLocks/>
              </p:cNvSpPr>
              <p:nvPr/>
            </p:nvSpPr>
            <p:spPr bwMode="auto">
              <a:xfrm>
                <a:off x="1631780" y="1025753"/>
                <a:ext cx="260880" cy="294706"/>
              </a:xfrm>
              <a:custGeom>
                <a:avLst/>
                <a:gdLst/>
                <a:ahLst/>
                <a:cxnLst>
                  <a:cxn ang="0">
                    <a:pos x="266" y="291"/>
                  </a:cxn>
                  <a:cxn ang="0">
                    <a:pos x="256" y="293"/>
                  </a:cxn>
                  <a:cxn ang="0">
                    <a:pos x="242" y="293"/>
                  </a:cxn>
                  <a:cxn ang="0">
                    <a:pos x="225" y="294"/>
                  </a:cxn>
                  <a:cxn ang="0">
                    <a:pos x="206" y="296"/>
                  </a:cxn>
                  <a:cxn ang="0">
                    <a:pos x="186" y="298"/>
                  </a:cxn>
                  <a:cxn ang="0">
                    <a:pos x="165" y="298"/>
                  </a:cxn>
                  <a:cxn ang="0">
                    <a:pos x="143" y="300"/>
                  </a:cxn>
                  <a:cxn ang="0">
                    <a:pos x="121" y="301"/>
                  </a:cxn>
                  <a:cxn ang="0">
                    <a:pos x="99" y="301"/>
                  </a:cxn>
                  <a:cxn ang="0">
                    <a:pos x="78" y="303"/>
                  </a:cxn>
                  <a:cxn ang="0">
                    <a:pos x="60" y="305"/>
                  </a:cxn>
                  <a:cxn ang="0">
                    <a:pos x="44" y="305"/>
                  </a:cxn>
                  <a:cxn ang="0">
                    <a:pos x="29" y="306"/>
                  </a:cxn>
                  <a:cxn ang="0">
                    <a:pos x="19" y="306"/>
                  </a:cxn>
                  <a:cxn ang="0">
                    <a:pos x="12" y="306"/>
                  </a:cxn>
                  <a:cxn ang="0">
                    <a:pos x="10" y="306"/>
                  </a:cxn>
                  <a:cxn ang="0">
                    <a:pos x="0" y="0"/>
                  </a:cxn>
                  <a:cxn ang="0">
                    <a:pos x="271" y="3"/>
                  </a:cxn>
                  <a:cxn ang="0">
                    <a:pos x="266" y="291"/>
                  </a:cxn>
                </a:cxnLst>
                <a:rect l="0" t="0" r="r" b="b"/>
                <a:pathLst>
                  <a:path w="271" h="306">
                    <a:moveTo>
                      <a:pt x="266" y="291"/>
                    </a:moveTo>
                    <a:lnTo>
                      <a:pt x="256" y="293"/>
                    </a:lnTo>
                    <a:lnTo>
                      <a:pt x="242" y="293"/>
                    </a:lnTo>
                    <a:lnTo>
                      <a:pt x="225" y="294"/>
                    </a:lnTo>
                    <a:lnTo>
                      <a:pt x="206" y="296"/>
                    </a:lnTo>
                    <a:lnTo>
                      <a:pt x="186" y="298"/>
                    </a:lnTo>
                    <a:lnTo>
                      <a:pt x="165" y="298"/>
                    </a:lnTo>
                    <a:lnTo>
                      <a:pt x="143" y="300"/>
                    </a:lnTo>
                    <a:lnTo>
                      <a:pt x="121" y="301"/>
                    </a:lnTo>
                    <a:lnTo>
                      <a:pt x="99" y="301"/>
                    </a:lnTo>
                    <a:lnTo>
                      <a:pt x="78" y="303"/>
                    </a:lnTo>
                    <a:lnTo>
                      <a:pt x="60" y="305"/>
                    </a:lnTo>
                    <a:lnTo>
                      <a:pt x="44" y="305"/>
                    </a:lnTo>
                    <a:lnTo>
                      <a:pt x="29" y="306"/>
                    </a:lnTo>
                    <a:lnTo>
                      <a:pt x="19" y="306"/>
                    </a:lnTo>
                    <a:lnTo>
                      <a:pt x="12" y="306"/>
                    </a:lnTo>
                    <a:lnTo>
                      <a:pt x="10" y="306"/>
                    </a:lnTo>
                    <a:lnTo>
                      <a:pt x="0" y="0"/>
                    </a:lnTo>
                    <a:lnTo>
                      <a:pt x="271" y="3"/>
                    </a:lnTo>
                    <a:lnTo>
                      <a:pt x="266" y="291"/>
                    </a:lnTo>
                    <a:close/>
                  </a:path>
                </a:pathLst>
              </a:custGeom>
              <a:solidFill>
                <a:srgbClr val="26ADE8"/>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5" name="Freeform 1235"/>
              <p:cNvSpPr>
                <a:spLocks/>
              </p:cNvSpPr>
              <p:nvPr/>
            </p:nvSpPr>
            <p:spPr bwMode="auto">
              <a:xfrm>
                <a:off x="1594630" y="1355131"/>
                <a:ext cx="340960" cy="101537"/>
              </a:xfrm>
              <a:custGeom>
                <a:avLst/>
                <a:gdLst/>
                <a:ahLst/>
                <a:cxnLst>
                  <a:cxn ang="0">
                    <a:pos x="353" y="4"/>
                  </a:cxn>
                  <a:cxn ang="0">
                    <a:pos x="348" y="7"/>
                  </a:cxn>
                  <a:cxn ang="0">
                    <a:pos x="336" y="14"/>
                  </a:cxn>
                  <a:cxn ang="0">
                    <a:pos x="319" y="21"/>
                  </a:cxn>
                  <a:cxn ang="0">
                    <a:pos x="302" y="28"/>
                  </a:cxn>
                  <a:cxn ang="0">
                    <a:pos x="281" y="36"/>
                  </a:cxn>
                  <a:cxn ang="0">
                    <a:pos x="261" y="41"/>
                  </a:cxn>
                  <a:cxn ang="0">
                    <a:pos x="242" y="45"/>
                  </a:cxn>
                  <a:cxn ang="0">
                    <a:pos x="227" y="60"/>
                  </a:cxn>
                  <a:cxn ang="0">
                    <a:pos x="221" y="99"/>
                  </a:cxn>
                  <a:cxn ang="0">
                    <a:pos x="213" y="97"/>
                  </a:cxn>
                  <a:cxn ang="0">
                    <a:pos x="211" y="72"/>
                  </a:cxn>
                  <a:cxn ang="0">
                    <a:pos x="215" y="55"/>
                  </a:cxn>
                  <a:cxn ang="0">
                    <a:pos x="218" y="48"/>
                  </a:cxn>
                  <a:cxn ang="0">
                    <a:pos x="223" y="43"/>
                  </a:cxn>
                  <a:cxn ang="0">
                    <a:pos x="228" y="38"/>
                  </a:cxn>
                  <a:cxn ang="0">
                    <a:pos x="235" y="36"/>
                  </a:cxn>
                  <a:cxn ang="0">
                    <a:pos x="252" y="33"/>
                  </a:cxn>
                  <a:cxn ang="0">
                    <a:pos x="276" y="26"/>
                  </a:cxn>
                  <a:cxn ang="0">
                    <a:pos x="298" y="19"/>
                  </a:cxn>
                  <a:cxn ang="0">
                    <a:pos x="298" y="16"/>
                  </a:cxn>
                  <a:cxn ang="0">
                    <a:pos x="269" y="17"/>
                  </a:cxn>
                  <a:cxn ang="0">
                    <a:pos x="225" y="19"/>
                  </a:cxn>
                  <a:cxn ang="0">
                    <a:pos x="175" y="22"/>
                  </a:cxn>
                  <a:cxn ang="0">
                    <a:pos x="123" y="28"/>
                  </a:cxn>
                  <a:cxn ang="0">
                    <a:pos x="73" y="31"/>
                  </a:cxn>
                  <a:cxn ang="0">
                    <a:pos x="32" y="34"/>
                  </a:cxn>
                  <a:cxn ang="0">
                    <a:pos x="5" y="36"/>
                  </a:cxn>
                  <a:cxn ang="0">
                    <a:pos x="0" y="33"/>
                  </a:cxn>
                  <a:cxn ang="0">
                    <a:pos x="2" y="28"/>
                  </a:cxn>
                  <a:cxn ang="0">
                    <a:pos x="5" y="24"/>
                  </a:cxn>
                  <a:cxn ang="0">
                    <a:pos x="15" y="24"/>
                  </a:cxn>
                  <a:cxn ang="0">
                    <a:pos x="32" y="22"/>
                  </a:cxn>
                  <a:cxn ang="0">
                    <a:pos x="53" y="21"/>
                  </a:cxn>
                  <a:cxn ang="0">
                    <a:pos x="78" y="17"/>
                  </a:cxn>
                  <a:cxn ang="0">
                    <a:pos x="104" y="16"/>
                  </a:cxn>
                  <a:cxn ang="0">
                    <a:pos x="134" y="14"/>
                  </a:cxn>
                  <a:cxn ang="0">
                    <a:pos x="165" y="10"/>
                  </a:cxn>
                  <a:cxn ang="0">
                    <a:pos x="196" y="7"/>
                  </a:cxn>
                  <a:cxn ang="0">
                    <a:pos x="227" y="5"/>
                  </a:cxn>
                  <a:cxn ang="0">
                    <a:pos x="256" y="4"/>
                  </a:cxn>
                  <a:cxn ang="0">
                    <a:pos x="283" y="2"/>
                  </a:cxn>
                  <a:cxn ang="0">
                    <a:pos x="307" y="2"/>
                  </a:cxn>
                  <a:cxn ang="0">
                    <a:pos x="327" y="0"/>
                  </a:cxn>
                  <a:cxn ang="0">
                    <a:pos x="342" y="2"/>
                  </a:cxn>
                  <a:cxn ang="0">
                    <a:pos x="351" y="2"/>
                  </a:cxn>
                </a:cxnLst>
                <a:rect l="0" t="0" r="r" b="b"/>
                <a:pathLst>
                  <a:path w="354" h="106">
                    <a:moveTo>
                      <a:pt x="354" y="4"/>
                    </a:moveTo>
                    <a:lnTo>
                      <a:pt x="353" y="4"/>
                    </a:lnTo>
                    <a:lnTo>
                      <a:pt x="351" y="5"/>
                    </a:lnTo>
                    <a:lnTo>
                      <a:pt x="348" y="7"/>
                    </a:lnTo>
                    <a:lnTo>
                      <a:pt x="341" y="10"/>
                    </a:lnTo>
                    <a:lnTo>
                      <a:pt x="336" y="14"/>
                    </a:lnTo>
                    <a:lnTo>
                      <a:pt x="327" y="17"/>
                    </a:lnTo>
                    <a:lnTo>
                      <a:pt x="319" y="21"/>
                    </a:lnTo>
                    <a:lnTo>
                      <a:pt x="310" y="24"/>
                    </a:lnTo>
                    <a:lnTo>
                      <a:pt x="302" y="28"/>
                    </a:lnTo>
                    <a:lnTo>
                      <a:pt x="291" y="33"/>
                    </a:lnTo>
                    <a:lnTo>
                      <a:pt x="281" y="36"/>
                    </a:lnTo>
                    <a:lnTo>
                      <a:pt x="271" y="38"/>
                    </a:lnTo>
                    <a:lnTo>
                      <a:pt x="261" y="41"/>
                    </a:lnTo>
                    <a:lnTo>
                      <a:pt x="252" y="43"/>
                    </a:lnTo>
                    <a:lnTo>
                      <a:pt x="242" y="45"/>
                    </a:lnTo>
                    <a:lnTo>
                      <a:pt x="233" y="45"/>
                    </a:lnTo>
                    <a:lnTo>
                      <a:pt x="227" y="60"/>
                    </a:lnTo>
                    <a:lnTo>
                      <a:pt x="223" y="82"/>
                    </a:lnTo>
                    <a:lnTo>
                      <a:pt x="221" y="99"/>
                    </a:lnTo>
                    <a:lnTo>
                      <a:pt x="221" y="106"/>
                    </a:lnTo>
                    <a:lnTo>
                      <a:pt x="213" y="97"/>
                    </a:lnTo>
                    <a:lnTo>
                      <a:pt x="211" y="85"/>
                    </a:lnTo>
                    <a:lnTo>
                      <a:pt x="211" y="72"/>
                    </a:lnTo>
                    <a:lnTo>
                      <a:pt x="213" y="58"/>
                    </a:lnTo>
                    <a:lnTo>
                      <a:pt x="215" y="55"/>
                    </a:lnTo>
                    <a:lnTo>
                      <a:pt x="216" y="51"/>
                    </a:lnTo>
                    <a:lnTo>
                      <a:pt x="218" y="48"/>
                    </a:lnTo>
                    <a:lnTo>
                      <a:pt x="220" y="46"/>
                    </a:lnTo>
                    <a:lnTo>
                      <a:pt x="223" y="43"/>
                    </a:lnTo>
                    <a:lnTo>
                      <a:pt x="225" y="39"/>
                    </a:lnTo>
                    <a:lnTo>
                      <a:pt x="228" y="38"/>
                    </a:lnTo>
                    <a:lnTo>
                      <a:pt x="232" y="36"/>
                    </a:lnTo>
                    <a:lnTo>
                      <a:pt x="235" y="36"/>
                    </a:lnTo>
                    <a:lnTo>
                      <a:pt x="244" y="36"/>
                    </a:lnTo>
                    <a:lnTo>
                      <a:pt x="252" y="33"/>
                    </a:lnTo>
                    <a:lnTo>
                      <a:pt x="264" y="29"/>
                    </a:lnTo>
                    <a:lnTo>
                      <a:pt x="276" y="26"/>
                    </a:lnTo>
                    <a:lnTo>
                      <a:pt x="288" y="22"/>
                    </a:lnTo>
                    <a:lnTo>
                      <a:pt x="298" y="19"/>
                    </a:lnTo>
                    <a:lnTo>
                      <a:pt x="305" y="16"/>
                    </a:lnTo>
                    <a:lnTo>
                      <a:pt x="298" y="16"/>
                    </a:lnTo>
                    <a:lnTo>
                      <a:pt x="284" y="16"/>
                    </a:lnTo>
                    <a:lnTo>
                      <a:pt x="269" y="17"/>
                    </a:lnTo>
                    <a:lnTo>
                      <a:pt x="249" y="17"/>
                    </a:lnTo>
                    <a:lnTo>
                      <a:pt x="225" y="19"/>
                    </a:lnTo>
                    <a:lnTo>
                      <a:pt x="201" y="21"/>
                    </a:lnTo>
                    <a:lnTo>
                      <a:pt x="175" y="22"/>
                    </a:lnTo>
                    <a:lnTo>
                      <a:pt x="150" y="24"/>
                    </a:lnTo>
                    <a:lnTo>
                      <a:pt x="123" y="28"/>
                    </a:lnTo>
                    <a:lnTo>
                      <a:pt x="97" y="29"/>
                    </a:lnTo>
                    <a:lnTo>
                      <a:pt x="73" y="31"/>
                    </a:lnTo>
                    <a:lnTo>
                      <a:pt x="53" y="33"/>
                    </a:lnTo>
                    <a:lnTo>
                      <a:pt x="32" y="34"/>
                    </a:lnTo>
                    <a:lnTo>
                      <a:pt x="17" y="34"/>
                    </a:lnTo>
                    <a:lnTo>
                      <a:pt x="5" y="36"/>
                    </a:lnTo>
                    <a:lnTo>
                      <a:pt x="0" y="36"/>
                    </a:lnTo>
                    <a:lnTo>
                      <a:pt x="0" y="33"/>
                    </a:lnTo>
                    <a:lnTo>
                      <a:pt x="0" y="31"/>
                    </a:lnTo>
                    <a:lnTo>
                      <a:pt x="2" y="28"/>
                    </a:lnTo>
                    <a:lnTo>
                      <a:pt x="2" y="24"/>
                    </a:lnTo>
                    <a:lnTo>
                      <a:pt x="5" y="24"/>
                    </a:lnTo>
                    <a:lnTo>
                      <a:pt x="10" y="24"/>
                    </a:lnTo>
                    <a:lnTo>
                      <a:pt x="15" y="24"/>
                    </a:lnTo>
                    <a:lnTo>
                      <a:pt x="24" y="22"/>
                    </a:lnTo>
                    <a:lnTo>
                      <a:pt x="32" y="22"/>
                    </a:lnTo>
                    <a:lnTo>
                      <a:pt x="42" y="21"/>
                    </a:lnTo>
                    <a:lnTo>
                      <a:pt x="53" y="21"/>
                    </a:lnTo>
                    <a:lnTo>
                      <a:pt x="65" y="19"/>
                    </a:lnTo>
                    <a:lnTo>
                      <a:pt x="78" y="17"/>
                    </a:lnTo>
                    <a:lnTo>
                      <a:pt x="90" y="17"/>
                    </a:lnTo>
                    <a:lnTo>
                      <a:pt x="104" y="16"/>
                    </a:lnTo>
                    <a:lnTo>
                      <a:pt x="119" y="14"/>
                    </a:lnTo>
                    <a:lnTo>
                      <a:pt x="134" y="14"/>
                    </a:lnTo>
                    <a:lnTo>
                      <a:pt x="150" y="12"/>
                    </a:lnTo>
                    <a:lnTo>
                      <a:pt x="165" y="10"/>
                    </a:lnTo>
                    <a:lnTo>
                      <a:pt x="181" y="9"/>
                    </a:lnTo>
                    <a:lnTo>
                      <a:pt x="196" y="7"/>
                    </a:lnTo>
                    <a:lnTo>
                      <a:pt x="211" y="7"/>
                    </a:lnTo>
                    <a:lnTo>
                      <a:pt x="227" y="5"/>
                    </a:lnTo>
                    <a:lnTo>
                      <a:pt x="242" y="4"/>
                    </a:lnTo>
                    <a:lnTo>
                      <a:pt x="256" y="4"/>
                    </a:lnTo>
                    <a:lnTo>
                      <a:pt x="269" y="2"/>
                    </a:lnTo>
                    <a:lnTo>
                      <a:pt x="283" y="2"/>
                    </a:lnTo>
                    <a:lnTo>
                      <a:pt x="295" y="2"/>
                    </a:lnTo>
                    <a:lnTo>
                      <a:pt x="307" y="2"/>
                    </a:lnTo>
                    <a:lnTo>
                      <a:pt x="317" y="2"/>
                    </a:lnTo>
                    <a:lnTo>
                      <a:pt x="327" y="0"/>
                    </a:lnTo>
                    <a:lnTo>
                      <a:pt x="336" y="2"/>
                    </a:lnTo>
                    <a:lnTo>
                      <a:pt x="342" y="2"/>
                    </a:lnTo>
                    <a:lnTo>
                      <a:pt x="348" y="2"/>
                    </a:lnTo>
                    <a:lnTo>
                      <a:pt x="351" y="2"/>
                    </a:lnTo>
                    <a:lnTo>
                      <a:pt x="354" y="4"/>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6" name="Freeform 1234"/>
              <p:cNvSpPr>
                <a:spLocks/>
              </p:cNvSpPr>
              <p:nvPr/>
            </p:nvSpPr>
            <p:spPr bwMode="auto">
              <a:xfrm>
                <a:off x="1480701" y="1409614"/>
                <a:ext cx="449110" cy="100712"/>
              </a:xfrm>
              <a:custGeom>
                <a:avLst/>
                <a:gdLst/>
                <a:ahLst/>
                <a:cxnLst>
                  <a:cxn ang="0">
                    <a:pos x="137" y="104"/>
                  </a:cxn>
                  <a:cxn ang="0">
                    <a:pos x="111" y="97"/>
                  </a:cxn>
                  <a:cxn ang="0">
                    <a:pos x="73" y="88"/>
                  </a:cxn>
                  <a:cxn ang="0">
                    <a:pos x="36" y="78"/>
                  </a:cxn>
                  <a:cxn ang="0">
                    <a:pos x="9" y="69"/>
                  </a:cxn>
                  <a:cxn ang="0">
                    <a:pos x="2" y="64"/>
                  </a:cxn>
                  <a:cxn ang="0">
                    <a:pos x="7" y="59"/>
                  </a:cxn>
                  <a:cxn ang="0">
                    <a:pos x="157" y="32"/>
                  </a:cxn>
                  <a:cxn ang="0">
                    <a:pos x="154" y="10"/>
                  </a:cxn>
                  <a:cxn ang="0">
                    <a:pos x="143" y="11"/>
                  </a:cxn>
                  <a:cxn ang="0">
                    <a:pos x="121" y="13"/>
                  </a:cxn>
                  <a:cxn ang="0">
                    <a:pos x="92" y="17"/>
                  </a:cxn>
                  <a:cxn ang="0">
                    <a:pos x="65" y="18"/>
                  </a:cxn>
                  <a:cxn ang="0">
                    <a:pos x="50" y="20"/>
                  </a:cxn>
                  <a:cxn ang="0">
                    <a:pos x="46" y="18"/>
                  </a:cxn>
                  <a:cxn ang="0">
                    <a:pos x="53" y="13"/>
                  </a:cxn>
                  <a:cxn ang="0">
                    <a:pos x="75" y="10"/>
                  </a:cxn>
                  <a:cxn ang="0">
                    <a:pos x="96" y="6"/>
                  </a:cxn>
                  <a:cxn ang="0">
                    <a:pos x="118" y="5"/>
                  </a:cxn>
                  <a:cxn ang="0">
                    <a:pos x="140" y="1"/>
                  </a:cxn>
                  <a:cxn ang="0">
                    <a:pos x="162" y="0"/>
                  </a:cxn>
                  <a:cxn ang="0">
                    <a:pos x="172" y="20"/>
                  </a:cxn>
                  <a:cxn ang="0">
                    <a:pos x="174" y="44"/>
                  </a:cxn>
                  <a:cxn ang="0">
                    <a:pos x="154" y="61"/>
                  </a:cxn>
                  <a:cxn ang="0">
                    <a:pos x="138" y="52"/>
                  </a:cxn>
                  <a:cxn ang="0">
                    <a:pos x="116" y="56"/>
                  </a:cxn>
                  <a:cxn ang="0">
                    <a:pos x="94" y="57"/>
                  </a:cxn>
                  <a:cxn ang="0">
                    <a:pos x="72" y="63"/>
                  </a:cxn>
                  <a:cxn ang="0">
                    <a:pos x="50" y="66"/>
                  </a:cxn>
                  <a:cxn ang="0">
                    <a:pos x="43" y="69"/>
                  </a:cxn>
                  <a:cxn ang="0">
                    <a:pos x="63" y="73"/>
                  </a:cxn>
                  <a:cxn ang="0">
                    <a:pos x="84" y="80"/>
                  </a:cxn>
                  <a:cxn ang="0">
                    <a:pos x="104" y="83"/>
                  </a:cxn>
                  <a:cxn ang="0">
                    <a:pos x="125" y="88"/>
                  </a:cxn>
                  <a:cxn ang="0">
                    <a:pos x="145" y="92"/>
                  </a:cxn>
                  <a:cxn ang="0">
                    <a:pos x="166" y="90"/>
                  </a:cxn>
                  <a:cxn ang="0">
                    <a:pos x="218" y="81"/>
                  </a:cxn>
                  <a:cxn ang="0">
                    <a:pos x="287" y="69"/>
                  </a:cxn>
                  <a:cxn ang="0">
                    <a:pos x="355" y="59"/>
                  </a:cxn>
                  <a:cxn ang="0">
                    <a:pos x="408" y="51"/>
                  </a:cxn>
                  <a:cxn ang="0">
                    <a:pos x="350" y="39"/>
                  </a:cxn>
                  <a:cxn ang="0">
                    <a:pos x="353" y="30"/>
                  </a:cxn>
                </a:cxnLst>
                <a:rect l="0" t="0" r="r" b="b"/>
                <a:pathLst>
                  <a:path w="466" h="105">
                    <a:moveTo>
                      <a:pt x="142" y="105"/>
                    </a:moveTo>
                    <a:lnTo>
                      <a:pt x="140" y="104"/>
                    </a:lnTo>
                    <a:lnTo>
                      <a:pt x="137" y="104"/>
                    </a:lnTo>
                    <a:lnTo>
                      <a:pt x="130" y="102"/>
                    </a:lnTo>
                    <a:lnTo>
                      <a:pt x="121" y="100"/>
                    </a:lnTo>
                    <a:lnTo>
                      <a:pt x="111" y="97"/>
                    </a:lnTo>
                    <a:lnTo>
                      <a:pt x="99" y="95"/>
                    </a:lnTo>
                    <a:lnTo>
                      <a:pt x="85" y="92"/>
                    </a:lnTo>
                    <a:lnTo>
                      <a:pt x="73" y="88"/>
                    </a:lnTo>
                    <a:lnTo>
                      <a:pt x="62" y="85"/>
                    </a:lnTo>
                    <a:lnTo>
                      <a:pt x="48" y="81"/>
                    </a:lnTo>
                    <a:lnTo>
                      <a:pt x="36" y="78"/>
                    </a:lnTo>
                    <a:lnTo>
                      <a:pt x="26" y="75"/>
                    </a:lnTo>
                    <a:lnTo>
                      <a:pt x="16" y="73"/>
                    </a:lnTo>
                    <a:lnTo>
                      <a:pt x="9" y="69"/>
                    </a:lnTo>
                    <a:lnTo>
                      <a:pt x="4" y="68"/>
                    </a:lnTo>
                    <a:lnTo>
                      <a:pt x="0" y="66"/>
                    </a:lnTo>
                    <a:lnTo>
                      <a:pt x="2" y="64"/>
                    </a:lnTo>
                    <a:lnTo>
                      <a:pt x="4" y="63"/>
                    </a:lnTo>
                    <a:lnTo>
                      <a:pt x="5" y="61"/>
                    </a:lnTo>
                    <a:lnTo>
                      <a:pt x="7" y="59"/>
                    </a:lnTo>
                    <a:lnTo>
                      <a:pt x="155" y="39"/>
                    </a:lnTo>
                    <a:lnTo>
                      <a:pt x="157" y="39"/>
                    </a:lnTo>
                    <a:lnTo>
                      <a:pt x="157" y="32"/>
                    </a:lnTo>
                    <a:lnTo>
                      <a:pt x="159" y="23"/>
                    </a:lnTo>
                    <a:lnTo>
                      <a:pt x="157" y="17"/>
                    </a:lnTo>
                    <a:lnTo>
                      <a:pt x="154" y="10"/>
                    </a:lnTo>
                    <a:lnTo>
                      <a:pt x="152" y="10"/>
                    </a:lnTo>
                    <a:lnTo>
                      <a:pt x="150" y="11"/>
                    </a:lnTo>
                    <a:lnTo>
                      <a:pt x="143" y="11"/>
                    </a:lnTo>
                    <a:lnTo>
                      <a:pt x="138" y="11"/>
                    </a:lnTo>
                    <a:lnTo>
                      <a:pt x="130" y="11"/>
                    </a:lnTo>
                    <a:lnTo>
                      <a:pt x="121" y="13"/>
                    </a:lnTo>
                    <a:lnTo>
                      <a:pt x="111" y="15"/>
                    </a:lnTo>
                    <a:lnTo>
                      <a:pt x="102" y="15"/>
                    </a:lnTo>
                    <a:lnTo>
                      <a:pt x="92" y="17"/>
                    </a:lnTo>
                    <a:lnTo>
                      <a:pt x="82" y="17"/>
                    </a:lnTo>
                    <a:lnTo>
                      <a:pt x="73" y="18"/>
                    </a:lnTo>
                    <a:lnTo>
                      <a:pt x="65" y="18"/>
                    </a:lnTo>
                    <a:lnTo>
                      <a:pt x="58" y="20"/>
                    </a:lnTo>
                    <a:lnTo>
                      <a:pt x="53" y="20"/>
                    </a:lnTo>
                    <a:lnTo>
                      <a:pt x="50" y="20"/>
                    </a:lnTo>
                    <a:lnTo>
                      <a:pt x="48" y="20"/>
                    </a:lnTo>
                    <a:lnTo>
                      <a:pt x="46" y="20"/>
                    </a:lnTo>
                    <a:lnTo>
                      <a:pt x="46" y="18"/>
                    </a:lnTo>
                    <a:lnTo>
                      <a:pt x="46" y="17"/>
                    </a:lnTo>
                    <a:lnTo>
                      <a:pt x="46" y="15"/>
                    </a:lnTo>
                    <a:lnTo>
                      <a:pt x="53" y="13"/>
                    </a:lnTo>
                    <a:lnTo>
                      <a:pt x="60" y="11"/>
                    </a:lnTo>
                    <a:lnTo>
                      <a:pt x="68" y="11"/>
                    </a:lnTo>
                    <a:lnTo>
                      <a:pt x="75" y="10"/>
                    </a:lnTo>
                    <a:lnTo>
                      <a:pt x="82" y="10"/>
                    </a:lnTo>
                    <a:lnTo>
                      <a:pt x="89" y="8"/>
                    </a:lnTo>
                    <a:lnTo>
                      <a:pt x="96" y="6"/>
                    </a:lnTo>
                    <a:lnTo>
                      <a:pt x="104" y="6"/>
                    </a:lnTo>
                    <a:lnTo>
                      <a:pt x="111" y="5"/>
                    </a:lnTo>
                    <a:lnTo>
                      <a:pt x="118" y="5"/>
                    </a:lnTo>
                    <a:lnTo>
                      <a:pt x="125" y="3"/>
                    </a:lnTo>
                    <a:lnTo>
                      <a:pt x="133" y="3"/>
                    </a:lnTo>
                    <a:lnTo>
                      <a:pt x="140" y="1"/>
                    </a:lnTo>
                    <a:lnTo>
                      <a:pt x="147" y="1"/>
                    </a:lnTo>
                    <a:lnTo>
                      <a:pt x="154" y="0"/>
                    </a:lnTo>
                    <a:lnTo>
                      <a:pt x="162" y="0"/>
                    </a:lnTo>
                    <a:lnTo>
                      <a:pt x="166" y="5"/>
                    </a:lnTo>
                    <a:lnTo>
                      <a:pt x="169" y="11"/>
                    </a:lnTo>
                    <a:lnTo>
                      <a:pt x="172" y="20"/>
                    </a:lnTo>
                    <a:lnTo>
                      <a:pt x="174" y="28"/>
                    </a:lnTo>
                    <a:lnTo>
                      <a:pt x="174" y="35"/>
                    </a:lnTo>
                    <a:lnTo>
                      <a:pt x="174" y="44"/>
                    </a:lnTo>
                    <a:lnTo>
                      <a:pt x="169" y="52"/>
                    </a:lnTo>
                    <a:lnTo>
                      <a:pt x="166" y="59"/>
                    </a:lnTo>
                    <a:lnTo>
                      <a:pt x="154" y="61"/>
                    </a:lnTo>
                    <a:lnTo>
                      <a:pt x="152" y="52"/>
                    </a:lnTo>
                    <a:lnTo>
                      <a:pt x="145" y="52"/>
                    </a:lnTo>
                    <a:lnTo>
                      <a:pt x="138" y="52"/>
                    </a:lnTo>
                    <a:lnTo>
                      <a:pt x="130" y="54"/>
                    </a:lnTo>
                    <a:lnTo>
                      <a:pt x="123" y="54"/>
                    </a:lnTo>
                    <a:lnTo>
                      <a:pt x="116" y="56"/>
                    </a:lnTo>
                    <a:lnTo>
                      <a:pt x="108" y="56"/>
                    </a:lnTo>
                    <a:lnTo>
                      <a:pt x="101" y="57"/>
                    </a:lnTo>
                    <a:lnTo>
                      <a:pt x="94" y="57"/>
                    </a:lnTo>
                    <a:lnTo>
                      <a:pt x="85" y="59"/>
                    </a:lnTo>
                    <a:lnTo>
                      <a:pt x="79" y="61"/>
                    </a:lnTo>
                    <a:lnTo>
                      <a:pt x="72" y="63"/>
                    </a:lnTo>
                    <a:lnTo>
                      <a:pt x="65" y="63"/>
                    </a:lnTo>
                    <a:lnTo>
                      <a:pt x="56" y="64"/>
                    </a:lnTo>
                    <a:lnTo>
                      <a:pt x="50" y="66"/>
                    </a:lnTo>
                    <a:lnTo>
                      <a:pt x="43" y="66"/>
                    </a:lnTo>
                    <a:lnTo>
                      <a:pt x="36" y="68"/>
                    </a:lnTo>
                    <a:lnTo>
                      <a:pt x="43" y="69"/>
                    </a:lnTo>
                    <a:lnTo>
                      <a:pt x="50" y="71"/>
                    </a:lnTo>
                    <a:lnTo>
                      <a:pt x="56" y="71"/>
                    </a:lnTo>
                    <a:lnTo>
                      <a:pt x="63" y="73"/>
                    </a:lnTo>
                    <a:lnTo>
                      <a:pt x="70" y="75"/>
                    </a:lnTo>
                    <a:lnTo>
                      <a:pt x="77" y="78"/>
                    </a:lnTo>
                    <a:lnTo>
                      <a:pt x="84" y="80"/>
                    </a:lnTo>
                    <a:lnTo>
                      <a:pt x="91" y="80"/>
                    </a:lnTo>
                    <a:lnTo>
                      <a:pt x="96" y="81"/>
                    </a:lnTo>
                    <a:lnTo>
                      <a:pt x="104" y="83"/>
                    </a:lnTo>
                    <a:lnTo>
                      <a:pt x="109" y="85"/>
                    </a:lnTo>
                    <a:lnTo>
                      <a:pt x="118" y="86"/>
                    </a:lnTo>
                    <a:lnTo>
                      <a:pt x="125" y="88"/>
                    </a:lnTo>
                    <a:lnTo>
                      <a:pt x="130" y="90"/>
                    </a:lnTo>
                    <a:lnTo>
                      <a:pt x="138" y="92"/>
                    </a:lnTo>
                    <a:lnTo>
                      <a:pt x="145" y="92"/>
                    </a:lnTo>
                    <a:lnTo>
                      <a:pt x="147" y="92"/>
                    </a:lnTo>
                    <a:lnTo>
                      <a:pt x="154" y="90"/>
                    </a:lnTo>
                    <a:lnTo>
                      <a:pt x="166" y="90"/>
                    </a:lnTo>
                    <a:lnTo>
                      <a:pt x="181" y="86"/>
                    </a:lnTo>
                    <a:lnTo>
                      <a:pt x="198" y="85"/>
                    </a:lnTo>
                    <a:lnTo>
                      <a:pt x="218" y="81"/>
                    </a:lnTo>
                    <a:lnTo>
                      <a:pt x="241" y="78"/>
                    </a:lnTo>
                    <a:lnTo>
                      <a:pt x="263" y="75"/>
                    </a:lnTo>
                    <a:lnTo>
                      <a:pt x="287" y="69"/>
                    </a:lnTo>
                    <a:lnTo>
                      <a:pt x="310" y="68"/>
                    </a:lnTo>
                    <a:lnTo>
                      <a:pt x="333" y="63"/>
                    </a:lnTo>
                    <a:lnTo>
                      <a:pt x="355" y="59"/>
                    </a:lnTo>
                    <a:lnTo>
                      <a:pt x="375" y="56"/>
                    </a:lnTo>
                    <a:lnTo>
                      <a:pt x="392" y="54"/>
                    </a:lnTo>
                    <a:lnTo>
                      <a:pt x="408" y="51"/>
                    </a:lnTo>
                    <a:lnTo>
                      <a:pt x="420" y="49"/>
                    </a:lnTo>
                    <a:lnTo>
                      <a:pt x="350" y="40"/>
                    </a:lnTo>
                    <a:lnTo>
                      <a:pt x="350" y="39"/>
                    </a:lnTo>
                    <a:lnTo>
                      <a:pt x="350" y="35"/>
                    </a:lnTo>
                    <a:lnTo>
                      <a:pt x="351" y="34"/>
                    </a:lnTo>
                    <a:lnTo>
                      <a:pt x="353" y="30"/>
                    </a:lnTo>
                    <a:lnTo>
                      <a:pt x="466" y="49"/>
                    </a:lnTo>
                    <a:lnTo>
                      <a:pt x="142" y="105"/>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7" name="Freeform 1233"/>
              <p:cNvSpPr>
                <a:spLocks/>
              </p:cNvSpPr>
              <p:nvPr/>
            </p:nvSpPr>
            <p:spPr bwMode="auto">
              <a:xfrm>
                <a:off x="1804324" y="1509500"/>
                <a:ext cx="23116" cy="56960"/>
              </a:xfrm>
              <a:custGeom>
                <a:avLst/>
                <a:gdLst/>
                <a:ahLst/>
                <a:cxnLst>
                  <a:cxn ang="0">
                    <a:pos x="7" y="1"/>
                  </a:cxn>
                  <a:cxn ang="0">
                    <a:pos x="9" y="8"/>
                  </a:cxn>
                  <a:cxn ang="0">
                    <a:pos x="12" y="15"/>
                  </a:cxn>
                  <a:cxn ang="0">
                    <a:pos x="14" y="20"/>
                  </a:cxn>
                  <a:cxn ang="0">
                    <a:pos x="17" y="27"/>
                  </a:cxn>
                  <a:cxn ang="0">
                    <a:pos x="19" y="34"/>
                  </a:cxn>
                  <a:cxn ang="0">
                    <a:pos x="20" y="42"/>
                  </a:cxn>
                  <a:cxn ang="0">
                    <a:pos x="22" y="49"/>
                  </a:cxn>
                  <a:cxn ang="0">
                    <a:pos x="24" y="56"/>
                  </a:cxn>
                  <a:cxn ang="0">
                    <a:pos x="17" y="59"/>
                  </a:cxn>
                  <a:cxn ang="0">
                    <a:pos x="14" y="52"/>
                  </a:cxn>
                  <a:cxn ang="0">
                    <a:pos x="14" y="44"/>
                  </a:cxn>
                  <a:cxn ang="0">
                    <a:pos x="12" y="37"/>
                  </a:cxn>
                  <a:cxn ang="0">
                    <a:pos x="10" y="30"/>
                  </a:cxn>
                  <a:cxn ang="0">
                    <a:pos x="0" y="3"/>
                  </a:cxn>
                  <a:cxn ang="0">
                    <a:pos x="0" y="1"/>
                  </a:cxn>
                  <a:cxn ang="0">
                    <a:pos x="2" y="0"/>
                  </a:cxn>
                  <a:cxn ang="0">
                    <a:pos x="5" y="0"/>
                  </a:cxn>
                  <a:cxn ang="0">
                    <a:pos x="7" y="1"/>
                  </a:cxn>
                </a:cxnLst>
                <a:rect l="0" t="0" r="r" b="b"/>
                <a:pathLst>
                  <a:path w="24" h="59">
                    <a:moveTo>
                      <a:pt x="7" y="1"/>
                    </a:moveTo>
                    <a:lnTo>
                      <a:pt x="9" y="8"/>
                    </a:lnTo>
                    <a:lnTo>
                      <a:pt x="12" y="15"/>
                    </a:lnTo>
                    <a:lnTo>
                      <a:pt x="14" y="20"/>
                    </a:lnTo>
                    <a:lnTo>
                      <a:pt x="17" y="27"/>
                    </a:lnTo>
                    <a:lnTo>
                      <a:pt x="19" y="34"/>
                    </a:lnTo>
                    <a:lnTo>
                      <a:pt x="20" y="42"/>
                    </a:lnTo>
                    <a:lnTo>
                      <a:pt x="22" y="49"/>
                    </a:lnTo>
                    <a:lnTo>
                      <a:pt x="24" y="56"/>
                    </a:lnTo>
                    <a:lnTo>
                      <a:pt x="17" y="59"/>
                    </a:lnTo>
                    <a:lnTo>
                      <a:pt x="14" y="52"/>
                    </a:lnTo>
                    <a:lnTo>
                      <a:pt x="14" y="44"/>
                    </a:lnTo>
                    <a:lnTo>
                      <a:pt x="12" y="37"/>
                    </a:lnTo>
                    <a:lnTo>
                      <a:pt x="10" y="30"/>
                    </a:lnTo>
                    <a:lnTo>
                      <a:pt x="0" y="3"/>
                    </a:lnTo>
                    <a:lnTo>
                      <a:pt x="0" y="1"/>
                    </a:lnTo>
                    <a:lnTo>
                      <a:pt x="2" y="0"/>
                    </a:lnTo>
                    <a:lnTo>
                      <a:pt x="5" y="0"/>
                    </a:lnTo>
                    <a:lnTo>
                      <a:pt x="7" y="1"/>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8" name="Freeform 1232"/>
              <p:cNvSpPr>
                <a:spLocks/>
              </p:cNvSpPr>
              <p:nvPr/>
            </p:nvSpPr>
            <p:spPr bwMode="auto">
              <a:xfrm>
                <a:off x="1785336" y="1510326"/>
                <a:ext cx="23942" cy="49530"/>
              </a:xfrm>
              <a:custGeom>
                <a:avLst/>
                <a:gdLst/>
                <a:ahLst/>
                <a:cxnLst>
                  <a:cxn ang="0">
                    <a:pos x="5" y="0"/>
                  </a:cxn>
                  <a:cxn ang="0">
                    <a:pos x="8" y="5"/>
                  </a:cxn>
                  <a:cxn ang="0">
                    <a:pos x="11" y="12"/>
                  </a:cxn>
                  <a:cxn ang="0">
                    <a:pos x="15" y="17"/>
                  </a:cxn>
                  <a:cxn ang="0">
                    <a:pos x="17" y="24"/>
                  </a:cxn>
                  <a:cxn ang="0">
                    <a:pos x="20" y="29"/>
                  </a:cxn>
                  <a:cxn ang="0">
                    <a:pos x="22" y="36"/>
                  </a:cxn>
                  <a:cxn ang="0">
                    <a:pos x="25" y="43"/>
                  </a:cxn>
                  <a:cxn ang="0">
                    <a:pos x="25" y="50"/>
                  </a:cxn>
                  <a:cxn ang="0">
                    <a:pos x="23" y="50"/>
                  </a:cxn>
                  <a:cxn ang="0">
                    <a:pos x="23" y="51"/>
                  </a:cxn>
                  <a:cxn ang="0">
                    <a:pos x="22" y="51"/>
                  </a:cxn>
                  <a:cxn ang="0">
                    <a:pos x="20" y="51"/>
                  </a:cxn>
                  <a:cxn ang="0">
                    <a:pos x="17" y="46"/>
                  </a:cxn>
                  <a:cxn ang="0">
                    <a:pos x="15" y="39"/>
                  </a:cxn>
                  <a:cxn ang="0">
                    <a:pos x="13" y="33"/>
                  </a:cxn>
                  <a:cxn ang="0">
                    <a:pos x="11" y="28"/>
                  </a:cxn>
                  <a:cxn ang="0">
                    <a:pos x="10" y="21"/>
                  </a:cxn>
                  <a:cxn ang="0">
                    <a:pos x="6" y="16"/>
                  </a:cxn>
                  <a:cxn ang="0">
                    <a:pos x="3" y="9"/>
                  </a:cxn>
                  <a:cxn ang="0">
                    <a:pos x="0" y="5"/>
                  </a:cxn>
                  <a:cxn ang="0">
                    <a:pos x="0" y="4"/>
                  </a:cxn>
                  <a:cxn ang="0">
                    <a:pos x="1" y="2"/>
                  </a:cxn>
                  <a:cxn ang="0">
                    <a:pos x="3" y="0"/>
                  </a:cxn>
                  <a:cxn ang="0">
                    <a:pos x="5" y="0"/>
                  </a:cxn>
                </a:cxnLst>
                <a:rect l="0" t="0" r="r" b="b"/>
                <a:pathLst>
                  <a:path w="25" h="51">
                    <a:moveTo>
                      <a:pt x="5" y="0"/>
                    </a:moveTo>
                    <a:lnTo>
                      <a:pt x="8" y="5"/>
                    </a:lnTo>
                    <a:lnTo>
                      <a:pt x="11" y="12"/>
                    </a:lnTo>
                    <a:lnTo>
                      <a:pt x="15" y="17"/>
                    </a:lnTo>
                    <a:lnTo>
                      <a:pt x="17" y="24"/>
                    </a:lnTo>
                    <a:lnTo>
                      <a:pt x="20" y="29"/>
                    </a:lnTo>
                    <a:lnTo>
                      <a:pt x="22" y="36"/>
                    </a:lnTo>
                    <a:lnTo>
                      <a:pt x="25" y="43"/>
                    </a:lnTo>
                    <a:lnTo>
                      <a:pt x="25" y="50"/>
                    </a:lnTo>
                    <a:lnTo>
                      <a:pt x="23" y="50"/>
                    </a:lnTo>
                    <a:lnTo>
                      <a:pt x="23" y="51"/>
                    </a:lnTo>
                    <a:lnTo>
                      <a:pt x="22" y="51"/>
                    </a:lnTo>
                    <a:lnTo>
                      <a:pt x="20" y="51"/>
                    </a:lnTo>
                    <a:lnTo>
                      <a:pt x="17" y="46"/>
                    </a:lnTo>
                    <a:lnTo>
                      <a:pt x="15" y="39"/>
                    </a:lnTo>
                    <a:lnTo>
                      <a:pt x="13" y="33"/>
                    </a:lnTo>
                    <a:lnTo>
                      <a:pt x="11" y="28"/>
                    </a:lnTo>
                    <a:lnTo>
                      <a:pt x="10" y="21"/>
                    </a:lnTo>
                    <a:lnTo>
                      <a:pt x="6" y="16"/>
                    </a:lnTo>
                    <a:lnTo>
                      <a:pt x="3" y="9"/>
                    </a:lnTo>
                    <a:lnTo>
                      <a:pt x="0" y="5"/>
                    </a:lnTo>
                    <a:lnTo>
                      <a:pt x="0" y="4"/>
                    </a:lnTo>
                    <a:lnTo>
                      <a:pt x="1" y="2"/>
                    </a:lnTo>
                    <a:lnTo>
                      <a:pt x="3" y="0"/>
                    </a:lnTo>
                    <a:lnTo>
                      <a:pt x="5" y="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9" name="Freeform 1231"/>
              <p:cNvSpPr>
                <a:spLocks/>
              </p:cNvSpPr>
              <p:nvPr/>
            </p:nvSpPr>
            <p:spPr bwMode="auto">
              <a:xfrm>
                <a:off x="1763046" y="1515279"/>
                <a:ext cx="29720" cy="49530"/>
              </a:xfrm>
              <a:custGeom>
                <a:avLst/>
                <a:gdLst/>
                <a:ahLst/>
                <a:cxnLst>
                  <a:cxn ang="0">
                    <a:pos x="6" y="0"/>
                  </a:cxn>
                  <a:cxn ang="0">
                    <a:pos x="12" y="5"/>
                  </a:cxn>
                  <a:cxn ang="0">
                    <a:pos x="16" y="11"/>
                  </a:cxn>
                  <a:cxn ang="0">
                    <a:pos x="21" y="16"/>
                  </a:cxn>
                  <a:cxn ang="0">
                    <a:pos x="26" y="23"/>
                  </a:cxn>
                  <a:cxn ang="0">
                    <a:pos x="28" y="29"/>
                  </a:cxn>
                  <a:cxn ang="0">
                    <a:pos x="29" y="36"/>
                  </a:cxn>
                  <a:cxn ang="0">
                    <a:pos x="31" y="43"/>
                  </a:cxn>
                  <a:cxn ang="0">
                    <a:pos x="31" y="50"/>
                  </a:cxn>
                  <a:cxn ang="0">
                    <a:pos x="29" y="50"/>
                  </a:cxn>
                  <a:cxn ang="0">
                    <a:pos x="28" y="51"/>
                  </a:cxn>
                  <a:cxn ang="0">
                    <a:pos x="26" y="51"/>
                  </a:cxn>
                  <a:cxn ang="0">
                    <a:pos x="26" y="51"/>
                  </a:cxn>
                  <a:cxn ang="0">
                    <a:pos x="23" y="45"/>
                  </a:cxn>
                  <a:cxn ang="0">
                    <a:pos x="21" y="38"/>
                  </a:cxn>
                  <a:cxn ang="0">
                    <a:pos x="19" y="31"/>
                  </a:cxn>
                  <a:cxn ang="0">
                    <a:pos x="16" y="26"/>
                  </a:cxn>
                  <a:cxn ang="0">
                    <a:pos x="14" y="19"/>
                  </a:cxn>
                  <a:cxn ang="0">
                    <a:pos x="11" y="12"/>
                  </a:cxn>
                  <a:cxn ang="0">
                    <a:pos x="6" y="7"/>
                  </a:cxn>
                  <a:cxn ang="0">
                    <a:pos x="0" y="2"/>
                  </a:cxn>
                  <a:cxn ang="0">
                    <a:pos x="0" y="0"/>
                  </a:cxn>
                  <a:cxn ang="0">
                    <a:pos x="6" y="0"/>
                  </a:cxn>
                </a:cxnLst>
                <a:rect l="0" t="0" r="r" b="b"/>
                <a:pathLst>
                  <a:path w="31" h="51">
                    <a:moveTo>
                      <a:pt x="6" y="0"/>
                    </a:moveTo>
                    <a:lnTo>
                      <a:pt x="12" y="5"/>
                    </a:lnTo>
                    <a:lnTo>
                      <a:pt x="16" y="11"/>
                    </a:lnTo>
                    <a:lnTo>
                      <a:pt x="21" y="16"/>
                    </a:lnTo>
                    <a:lnTo>
                      <a:pt x="26" y="23"/>
                    </a:lnTo>
                    <a:lnTo>
                      <a:pt x="28" y="29"/>
                    </a:lnTo>
                    <a:lnTo>
                      <a:pt x="29" y="36"/>
                    </a:lnTo>
                    <a:lnTo>
                      <a:pt x="31" y="43"/>
                    </a:lnTo>
                    <a:lnTo>
                      <a:pt x="31" y="50"/>
                    </a:lnTo>
                    <a:lnTo>
                      <a:pt x="29" y="50"/>
                    </a:lnTo>
                    <a:lnTo>
                      <a:pt x="28" y="51"/>
                    </a:lnTo>
                    <a:lnTo>
                      <a:pt x="26" y="51"/>
                    </a:lnTo>
                    <a:lnTo>
                      <a:pt x="23" y="45"/>
                    </a:lnTo>
                    <a:lnTo>
                      <a:pt x="21" y="38"/>
                    </a:lnTo>
                    <a:lnTo>
                      <a:pt x="19" y="31"/>
                    </a:lnTo>
                    <a:lnTo>
                      <a:pt x="16" y="26"/>
                    </a:lnTo>
                    <a:lnTo>
                      <a:pt x="14" y="19"/>
                    </a:lnTo>
                    <a:lnTo>
                      <a:pt x="11" y="12"/>
                    </a:lnTo>
                    <a:lnTo>
                      <a:pt x="6" y="7"/>
                    </a:lnTo>
                    <a:lnTo>
                      <a:pt x="0" y="2"/>
                    </a:lnTo>
                    <a:lnTo>
                      <a:pt x="0" y="0"/>
                    </a:lnTo>
                    <a:lnTo>
                      <a:pt x="6" y="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0" name="Freeform 1230"/>
              <p:cNvSpPr>
                <a:spLocks/>
              </p:cNvSpPr>
              <p:nvPr/>
            </p:nvSpPr>
            <p:spPr bwMode="auto">
              <a:xfrm>
                <a:off x="1561607" y="1526011"/>
                <a:ext cx="229508" cy="108141"/>
              </a:xfrm>
              <a:custGeom>
                <a:avLst/>
                <a:gdLst/>
                <a:ahLst/>
                <a:cxnLst>
                  <a:cxn ang="0">
                    <a:pos x="216" y="18"/>
                  </a:cxn>
                  <a:cxn ang="0">
                    <a:pos x="221" y="29"/>
                  </a:cxn>
                  <a:cxn ang="0">
                    <a:pos x="225" y="40"/>
                  </a:cxn>
                  <a:cxn ang="0">
                    <a:pos x="228" y="51"/>
                  </a:cxn>
                  <a:cxn ang="0">
                    <a:pos x="232" y="63"/>
                  </a:cxn>
                  <a:cxn ang="0">
                    <a:pos x="233" y="75"/>
                  </a:cxn>
                  <a:cxn ang="0">
                    <a:pos x="235" y="85"/>
                  </a:cxn>
                  <a:cxn ang="0">
                    <a:pos x="237" y="97"/>
                  </a:cxn>
                  <a:cxn ang="0">
                    <a:pos x="238" y="109"/>
                  </a:cxn>
                  <a:cxn ang="0">
                    <a:pos x="235" y="110"/>
                  </a:cxn>
                  <a:cxn ang="0">
                    <a:pos x="232" y="112"/>
                  </a:cxn>
                  <a:cxn ang="0">
                    <a:pos x="228" y="112"/>
                  </a:cxn>
                  <a:cxn ang="0">
                    <a:pos x="226" y="112"/>
                  </a:cxn>
                  <a:cxn ang="0">
                    <a:pos x="225" y="110"/>
                  </a:cxn>
                  <a:cxn ang="0">
                    <a:pos x="221" y="107"/>
                  </a:cxn>
                  <a:cxn ang="0">
                    <a:pos x="220" y="105"/>
                  </a:cxn>
                  <a:cxn ang="0">
                    <a:pos x="220" y="102"/>
                  </a:cxn>
                  <a:cxn ang="0">
                    <a:pos x="218" y="98"/>
                  </a:cxn>
                  <a:cxn ang="0">
                    <a:pos x="216" y="95"/>
                  </a:cxn>
                  <a:cxn ang="0">
                    <a:pos x="216" y="92"/>
                  </a:cxn>
                  <a:cxn ang="0">
                    <a:pos x="216" y="88"/>
                  </a:cxn>
                  <a:cxn ang="0">
                    <a:pos x="209" y="88"/>
                  </a:cxn>
                  <a:cxn ang="0">
                    <a:pos x="203" y="90"/>
                  </a:cxn>
                  <a:cxn ang="0">
                    <a:pos x="194" y="92"/>
                  </a:cxn>
                  <a:cxn ang="0">
                    <a:pos x="187" y="93"/>
                  </a:cxn>
                  <a:cxn ang="0">
                    <a:pos x="179" y="95"/>
                  </a:cxn>
                  <a:cxn ang="0">
                    <a:pos x="170" y="97"/>
                  </a:cxn>
                  <a:cxn ang="0">
                    <a:pos x="162" y="98"/>
                  </a:cxn>
                  <a:cxn ang="0">
                    <a:pos x="151" y="100"/>
                  </a:cxn>
                  <a:cxn ang="0">
                    <a:pos x="0" y="37"/>
                  </a:cxn>
                  <a:cxn ang="0">
                    <a:pos x="1" y="35"/>
                  </a:cxn>
                  <a:cxn ang="0">
                    <a:pos x="1" y="32"/>
                  </a:cxn>
                  <a:cxn ang="0">
                    <a:pos x="1" y="29"/>
                  </a:cxn>
                  <a:cxn ang="0">
                    <a:pos x="1" y="27"/>
                  </a:cxn>
                  <a:cxn ang="0">
                    <a:pos x="153" y="90"/>
                  </a:cxn>
                  <a:cxn ang="0">
                    <a:pos x="162" y="87"/>
                  </a:cxn>
                  <a:cxn ang="0">
                    <a:pos x="170" y="85"/>
                  </a:cxn>
                  <a:cxn ang="0">
                    <a:pos x="179" y="83"/>
                  </a:cxn>
                  <a:cxn ang="0">
                    <a:pos x="186" y="81"/>
                  </a:cxn>
                  <a:cxn ang="0">
                    <a:pos x="194" y="80"/>
                  </a:cxn>
                  <a:cxn ang="0">
                    <a:pos x="203" y="78"/>
                  </a:cxn>
                  <a:cxn ang="0">
                    <a:pos x="209" y="76"/>
                  </a:cxn>
                  <a:cxn ang="0">
                    <a:pos x="216" y="73"/>
                  </a:cxn>
                  <a:cxn ang="0">
                    <a:pos x="216" y="63"/>
                  </a:cxn>
                  <a:cxn ang="0">
                    <a:pos x="215" y="51"/>
                  </a:cxn>
                  <a:cxn ang="0">
                    <a:pos x="211" y="39"/>
                  </a:cxn>
                  <a:cxn ang="0">
                    <a:pos x="208" y="27"/>
                  </a:cxn>
                  <a:cxn ang="0">
                    <a:pos x="204" y="15"/>
                  </a:cxn>
                  <a:cxn ang="0">
                    <a:pos x="203" y="6"/>
                  </a:cxn>
                  <a:cxn ang="0">
                    <a:pos x="199" y="1"/>
                  </a:cxn>
                  <a:cxn ang="0">
                    <a:pos x="199" y="0"/>
                  </a:cxn>
                  <a:cxn ang="0">
                    <a:pos x="203" y="0"/>
                  </a:cxn>
                  <a:cxn ang="0">
                    <a:pos x="204" y="1"/>
                  </a:cxn>
                  <a:cxn ang="0">
                    <a:pos x="208" y="3"/>
                  </a:cxn>
                  <a:cxn ang="0">
                    <a:pos x="209" y="6"/>
                  </a:cxn>
                  <a:cxn ang="0">
                    <a:pos x="211" y="10"/>
                  </a:cxn>
                  <a:cxn ang="0">
                    <a:pos x="213" y="13"/>
                  </a:cxn>
                  <a:cxn ang="0">
                    <a:pos x="215" y="15"/>
                  </a:cxn>
                  <a:cxn ang="0">
                    <a:pos x="216" y="18"/>
                  </a:cxn>
                </a:cxnLst>
                <a:rect l="0" t="0" r="r" b="b"/>
                <a:pathLst>
                  <a:path w="238" h="112">
                    <a:moveTo>
                      <a:pt x="216" y="18"/>
                    </a:moveTo>
                    <a:lnTo>
                      <a:pt x="221" y="29"/>
                    </a:lnTo>
                    <a:lnTo>
                      <a:pt x="225" y="40"/>
                    </a:lnTo>
                    <a:lnTo>
                      <a:pt x="228" y="51"/>
                    </a:lnTo>
                    <a:lnTo>
                      <a:pt x="232" y="63"/>
                    </a:lnTo>
                    <a:lnTo>
                      <a:pt x="233" y="75"/>
                    </a:lnTo>
                    <a:lnTo>
                      <a:pt x="235" y="85"/>
                    </a:lnTo>
                    <a:lnTo>
                      <a:pt x="237" y="97"/>
                    </a:lnTo>
                    <a:lnTo>
                      <a:pt x="238" y="109"/>
                    </a:lnTo>
                    <a:lnTo>
                      <a:pt x="235" y="110"/>
                    </a:lnTo>
                    <a:lnTo>
                      <a:pt x="232" y="112"/>
                    </a:lnTo>
                    <a:lnTo>
                      <a:pt x="228" y="112"/>
                    </a:lnTo>
                    <a:lnTo>
                      <a:pt x="226" y="112"/>
                    </a:lnTo>
                    <a:lnTo>
                      <a:pt x="225" y="110"/>
                    </a:lnTo>
                    <a:lnTo>
                      <a:pt x="221" y="107"/>
                    </a:lnTo>
                    <a:lnTo>
                      <a:pt x="220" y="105"/>
                    </a:lnTo>
                    <a:lnTo>
                      <a:pt x="220" y="102"/>
                    </a:lnTo>
                    <a:lnTo>
                      <a:pt x="218" y="98"/>
                    </a:lnTo>
                    <a:lnTo>
                      <a:pt x="216" y="95"/>
                    </a:lnTo>
                    <a:lnTo>
                      <a:pt x="216" y="92"/>
                    </a:lnTo>
                    <a:lnTo>
                      <a:pt x="216" y="88"/>
                    </a:lnTo>
                    <a:lnTo>
                      <a:pt x="209" y="88"/>
                    </a:lnTo>
                    <a:lnTo>
                      <a:pt x="203" y="90"/>
                    </a:lnTo>
                    <a:lnTo>
                      <a:pt x="194" y="92"/>
                    </a:lnTo>
                    <a:lnTo>
                      <a:pt x="187" y="93"/>
                    </a:lnTo>
                    <a:lnTo>
                      <a:pt x="179" y="95"/>
                    </a:lnTo>
                    <a:lnTo>
                      <a:pt x="170" y="97"/>
                    </a:lnTo>
                    <a:lnTo>
                      <a:pt x="162" y="98"/>
                    </a:lnTo>
                    <a:lnTo>
                      <a:pt x="151" y="100"/>
                    </a:lnTo>
                    <a:lnTo>
                      <a:pt x="0" y="37"/>
                    </a:lnTo>
                    <a:lnTo>
                      <a:pt x="1" y="35"/>
                    </a:lnTo>
                    <a:lnTo>
                      <a:pt x="1" y="32"/>
                    </a:lnTo>
                    <a:lnTo>
                      <a:pt x="1" y="29"/>
                    </a:lnTo>
                    <a:lnTo>
                      <a:pt x="1" y="27"/>
                    </a:lnTo>
                    <a:lnTo>
                      <a:pt x="153" y="90"/>
                    </a:lnTo>
                    <a:lnTo>
                      <a:pt x="162" y="87"/>
                    </a:lnTo>
                    <a:lnTo>
                      <a:pt x="170" y="85"/>
                    </a:lnTo>
                    <a:lnTo>
                      <a:pt x="179" y="83"/>
                    </a:lnTo>
                    <a:lnTo>
                      <a:pt x="186" y="81"/>
                    </a:lnTo>
                    <a:lnTo>
                      <a:pt x="194" y="80"/>
                    </a:lnTo>
                    <a:lnTo>
                      <a:pt x="203" y="78"/>
                    </a:lnTo>
                    <a:lnTo>
                      <a:pt x="209" y="76"/>
                    </a:lnTo>
                    <a:lnTo>
                      <a:pt x="216" y="73"/>
                    </a:lnTo>
                    <a:lnTo>
                      <a:pt x="216" y="63"/>
                    </a:lnTo>
                    <a:lnTo>
                      <a:pt x="215" y="51"/>
                    </a:lnTo>
                    <a:lnTo>
                      <a:pt x="211" y="39"/>
                    </a:lnTo>
                    <a:lnTo>
                      <a:pt x="208" y="27"/>
                    </a:lnTo>
                    <a:lnTo>
                      <a:pt x="204" y="15"/>
                    </a:lnTo>
                    <a:lnTo>
                      <a:pt x="203" y="6"/>
                    </a:lnTo>
                    <a:lnTo>
                      <a:pt x="199" y="1"/>
                    </a:lnTo>
                    <a:lnTo>
                      <a:pt x="199" y="0"/>
                    </a:lnTo>
                    <a:lnTo>
                      <a:pt x="203" y="0"/>
                    </a:lnTo>
                    <a:lnTo>
                      <a:pt x="204" y="1"/>
                    </a:lnTo>
                    <a:lnTo>
                      <a:pt x="208" y="3"/>
                    </a:lnTo>
                    <a:lnTo>
                      <a:pt x="209" y="6"/>
                    </a:lnTo>
                    <a:lnTo>
                      <a:pt x="211" y="10"/>
                    </a:lnTo>
                    <a:lnTo>
                      <a:pt x="213" y="13"/>
                    </a:lnTo>
                    <a:lnTo>
                      <a:pt x="215" y="15"/>
                    </a:lnTo>
                    <a:lnTo>
                      <a:pt x="216" y="18"/>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1" name="Freeform 1229"/>
              <p:cNvSpPr>
                <a:spLocks/>
              </p:cNvSpPr>
              <p:nvPr/>
            </p:nvSpPr>
            <p:spPr bwMode="auto">
              <a:xfrm>
                <a:off x="1424562" y="1533440"/>
                <a:ext cx="785117" cy="381384"/>
              </a:xfrm>
              <a:custGeom>
                <a:avLst/>
                <a:gdLst/>
                <a:ahLst/>
                <a:cxnLst>
                  <a:cxn ang="0">
                    <a:pos x="695" y="17"/>
                  </a:cxn>
                  <a:cxn ang="0">
                    <a:pos x="640" y="179"/>
                  </a:cxn>
                  <a:cxn ang="0">
                    <a:pos x="642" y="212"/>
                  </a:cxn>
                  <a:cxn ang="0">
                    <a:pos x="651" y="251"/>
                  </a:cxn>
                  <a:cxn ang="0">
                    <a:pos x="634" y="256"/>
                  </a:cxn>
                  <a:cxn ang="0">
                    <a:pos x="635" y="232"/>
                  </a:cxn>
                  <a:cxn ang="0">
                    <a:pos x="620" y="225"/>
                  </a:cxn>
                  <a:cxn ang="0">
                    <a:pos x="598" y="258"/>
                  </a:cxn>
                  <a:cxn ang="0">
                    <a:pos x="612" y="302"/>
                  </a:cxn>
                  <a:cxn ang="0">
                    <a:pos x="661" y="346"/>
                  </a:cxn>
                  <a:cxn ang="0">
                    <a:pos x="719" y="375"/>
                  </a:cxn>
                  <a:cxn ang="0">
                    <a:pos x="772" y="384"/>
                  </a:cxn>
                  <a:cxn ang="0">
                    <a:pos x="809" y="382"/>
                  </a:cxn>
                  <a:cxn ang="0">
                    <a:pos x="809" y="387"/>
                  </a:cxn>
                  <a:cxn ang="0">
                    <a:pos x="777" y="394"/>
                  </a:cxn>
                  <a:cxn ang="0">
                    <a:pos x="683" y="384"/>
                  </a:cxn>
                  <a:cxn ang="0">
                    <a:pos x="617" y="345"/>
                  </a:cxn>
                  <a:cxn ang="0">
                    <a:pos x="572" y="285"/>
                  </a:cxn>
                  <a:cxn ang="0">
                    <a:pos x="557" y="285"/>
                  </a:cxn>
                  <a:cxn ang="0">
                    <a:pos x="525" y="295"/>
                  </a:cxn>
                  <a:cxn ang="0">
                    <a:pos x="487" y="331"/>
                  </a:cxn>
                  <a:cxn ang="0">
                    <a:pos x="496" y="290"/>
                  </a:cxn>
                  <a:cxn ang="0">
                    <a:pos x="446" y="258"/>
                  </a:cxn>
                  <a:cxn ang="0">
                    <a:pos x="398" y="235"/>
                  </a:cxn>
                  <a:cxn ang="0">
                    <a:pos x="352" y="254"/>
                  </a:cxn>
                  <a:cxn ang="0">
                    <a:pos x="311" y="285"/>
                  </a:cxn>
                  <a:cxn ang="0">
                    <a:pos x="279" y="321"/>
                  </a:cxn>
                  <a:cxn ang="0">
                    <a:pos x="264" y="353"/>
                  </a:cxn>
                  <a:cxn ang="0">
                    <a:pos x="254" y="355"/>
                  </a:cxn>
                  <a:cxn ang="0">
                    <a:pos x="267" y="292"/>
                  </a:cxn>
                  <a:cxn ang="0">
                    <a:pos x="318" y="247"/>
                  </a:cxn>
                  <a:cxn ang="0">
                    <a:pos x="347" y="235"/>
                  </a:cxn>
                  <a:cxn ang="0">
                    <a:pos x="378" y="225"/>
                  </a:cxn>
                  <a:cxn ang="0">
                    <a:pos x="409" y="217"/>
                  </a:cxn>
                  <a:cxn ang="0">
                    <a:pos x="393" y="186"/>
                  </a:cxn>
                  <a:cxn ang="0">
                    <a:pos x="267" y="201"/>
                  </a:cxn>
                  <a:cxn ang="0">
                    <a:pos x="184" y="171"/>
                  </a:cxn>
                  <a:cxn ang="0">
                    <a:pos x="63" y="130"/>
                  </a:cxn>
                  <a:cxn ang="0">
                    <a:pos x="0" y="108"/>
                  </a:cxn>
                  <a:cxn ang="0">
                    <a:pos x="378" y="136"/>
                  </a:cxn>
                  <a:cxn ang="0">
                    <a:pos x="259" y="159"/>
                  </a:cxn>
                  <a:cxn ang="0">
                    <a:pos x="160" y="131"/>
                  </a:cxn>
                  <a:cxn ang="0">
                    <a:pos x="46" y="96"/>
                  </a:cxn>
                  <a:cxn ang="0">
                    <a:pos x="3" y="82"/>
                  </a:cxn>
                  <a:cxn ang="0">
                    <a:pos x="267" y="148"/>
                  </a:cxn>
                  <a:cxn ang="0">
                    <a:pos x="392" y="101"/>
                  </a:cxn>
                  <a:cxn ang="0">
                    <a:pos x="419" y="90"/>
                  </a:cxn>
                  <a:cxn ang="0">
                    <a:pos x="407" y="106"/>
                  </a:cxn>
                  <a:cxn ang="0">
                    <a:pos x="395" y="133"/>
                  </a:cxn>
                  <a:cxn ang="0">
                    <a:pos x="415" y="177"/>
                  </a:cxn>
                  <a:cxn ang="0">
                    <a:pos x="453" y="230"/>
                  </a:cxn>
                  <a:cxn ang="0">
                    <a:pos x="496" y="264"/>
                  </a:cxn>
                  <a:cxn ang="0">
                    <a:pos x="531" y="271"/>
                  </a:cxn>
                  <a:cxn ang="0">
                    <a:pos x="577" y="242"/>
                  </a:cxn>
                  <a:cxn ang="0">
                    <a:pos x="668" y="17"/>
                  </a:cxn>
                  <a:cxn ang="0">
                    <a:pos x="687" y="2"/>
                  </a:cxn>
                </a:cxnLst>
                <a:rect l="0" t="0" r="r" b="b"/>
                <a:pathLst>
                  <a:path w="816" h="396">
                    <a:moveTo>
                      <a:pt x="702" y="4"/>
                    </a:moveTo>
                    <a:lnTo>
                      <a:pt x="702" y="7"/>
                    </a:lnTo>
                    <a:lnTo>
                      <a:pt x="700" y="9"/>
                    </a:lnTo>
                    <a:lnTo>
                      <a:pt x="697" y="14"/>
                    </a:lnTo>
                    <a:lnTo>
                      <a:pt x="695" y="17"/>
                    </a:lnTo>
                    <a:lnTo>
                      <a:pt x="692" y="22"/>
                    </a:lnTo>
                    <a:lnTo>
                      <a:pt x="688" y="26"/>
                    </a:lnTo>
                    <a:lnTo>
                      <a:pt x="687" y="27"/>
                    </a:lnTo>
                    <a:lnTo>
                      <a:pt x="687" y="29"/>
                    </a:lnTo>
                    <a:lnTo>
                      <a:pt x="640" y="179"/>
                    </a:lnTo>
                    <a:lnTo>
                      <a:pt x="637" y="186"/>
                    </a:lnTo>
                    <a:lnTo>
                      <a:pt x="635" y="193"/>
                    </a:lnTo>
                    <a:lnTo>
                      <a:pt x="637" y="198"/>
                    </a:lnTo>
                    <a:lnTo>
                      <a:pt x="639" y="205"/>
                    </a:lnTo>
                    <a:lnTo>
                      <a:pt x="642" y="212"/>
                    </a:lnTo>
                    <a:lnTo>
                      <a:pt x="646" y="218"/>
                    </a:lnTo>
                    <a:lnTo>
                      <a:pt x="647" y="225"/>
                    </a:lnTo>
                    <a:lnTo>
                      <a:pt x="649" y="232"/>
                    </a:lnTo>
                    <a:lnTo>
                      <a:pt x="651" y="241"/>
                    </a:lnTo>
                    <a:lnTo>
                      <a:pt x="651" y="251"/>
                    </a:lnTo>
                    <a:lnTo>
                      <a:pt x="647" y="259"/>
                    </a:lnTo>
                    <a:lnTo>
                      <a:pt x="639" y="264"/>
                    </a:lnTo>
                    <a:lnTo>
                      <a:pt x="635" y="264"/>
                    </a:lnTo>
                    <a:lnTo>
                      <a:pt x="634" y="259"/>
                    </a:lnTo>
                    <a:lnTo>
                      <a:pt x="634" y="256"/>
                    </a:lnTo>
                    <a:lnTo>
                      <a:pt x="634" y="254"/>
                    </a:lnTo>
                    <a:lnTo>
                      <a:pt x="637" y="249"/>
                    </a:lnTo>
                    <a:lnTo>
                      <a:pt x="637" y="244"/>
                    </a:lnTo>
                    <a:lnTo>
                      <a:pt x="637" y="239"/>
                    </a:lnTo>
                    <a:lnTo>
                      <a:pt x="635" y="232"/>
                    </a:lnTo>
                    <a:lnTo>
                      <a:pt x="634" y="229"/>
                    </a:lnTo>
                    <a:lnTo>
                      <a:pt x="630" y="223"/>
                    </a:lnTo>
                    <a:lnTo>
                      <a:pt x="627" y="220"/>
                    </a:lnTo>
                    <a:lnTo>
                      <a:pt x="623" y="218"/>
                    </a:lnTo>
                    <a:lnTo>
                      <a:pt x="620" y="225"/>
                    </a:lnTo>
                    <a:lnTo>
                      <a:pt x="617" y="232"/>
                    </a:lnTo>
                    <a:lnTo>
                      <a:pt x="612" y="239"/>
                    </a:lnTo>
                    <a:lnTo>
                      <a:pt x="608" y="246"/>
                    </a:lnTo>
                    <a:lnTo>
                      <a:pt x="603" y="252"/>
                    </a:lnTo>
                    <a:lnTo>
                      <a:pt x="598" y="258"/>
                    </a:lnTo>
                    <a:lnTo>
                      <a:pt x="593" y="264"/>
                    </a:lnTo>
                    <a:lnTo>
                      <a:pt x="588" y="269"/>
                    </a:lnTo>
                    <a:lnTo>
                      <a:pt x="594" y="281"/>
                    </a:lnTo>
                    <a:lnTo>
                      <a:pt x="603" y="292"/>
                    </a:lnTo>
                    <a:lnTo>
                      <a:pt x="612" y="302"/>
                    </a:lnTo>
                    <a:lnTo>
                      <a:pt x="620" y="312"/>
                    </a:lnTo>
                    <a:lnTo>
                      <a:pt x="630" y="321"/>
                    </a:lnTo>
                    <a:lnTo>
                      <a:pt x="639" y="331"/>
                    </a:lnTo>
                    <a:lnTo>
                      <a:pt x="649" y="338"/>
                    </a:lnTo>
                    <a:lnTo>
                      <a:pt x="661" y="346"/>
                    </a:lnTo>
                    <a:lnTo>
                      <a:pt x="671" y="353"/>
                    </a:lnTo>
                    <a:lnTo>
                      <a:pt x="683" y="360"/>
                    </a:lnTo>
                    <a:lnTo>
                      <a:pt x="695" y="365"/>
                    </a:lnTo>
                    <a:lnTo>
                      <a:pt x="707" y="370"/>
                    </a:lnTo>
                    <a:lnTo>
                      <a:pt x="719" y="375"/>
                    </a:lnTo>
                    <a:lnTo>
                      <a:pt x="731" y="379"/>
                    </a:lnTo>
                    <a:lnTo>
                      <a:pt x="744" y="380"/>
                    </a:lnTo>
                    <a:lnTo>
                      <a:pt x="756" y="382"/>
                    </a:lnTo>
                    <a:lnTo>
                      <a:pt x="765" y="384"/>
                    </a:lnTo>
                    <a:lnTo>
                      <a:pt x="772" y="384"/>
                    </a:lnTo>
                    <a:lnTo>
                      <a:pt x="780" y="384"/>
                    </a:lnTo>
                    <a:lnTo>
                      <a:pt x="787" y="384"/>
                    </a:lnTo>
                    <a:lnTo>
                      <a:pt x="794" y="382"/>
                    </a:lnTo>
                    <a:lnTo>
                      <a:pt x="802" y="382"/>
                    </a:lnTo>
                    <a:lnTo>
                      <a:pt x="809" y="382"/>
                    </a:lnTo>
                    <a:lnTo>
                      <a:pt x="816" y="382"/>
                    </a:lnTo>
                    <a:lnTo>
                      <a:pt x="816" y="384"/>
                    </a:lnTo>
                    <a:lnTo>
                      <a:pt x="814" y="385"/>
                    </a:lnTo>
                    <a:lnTo>
                      <a:pt x="813" y="385"/>
                    </a:lnTo>
                    <a:lnTo>
                      <a:pt x="809" y="387"/>
                    </a:lnTo>
                    <a:lnTo>
                      <a:pt x="806" y="387"/>
                    </a:lnTo>
                    <a:lnTo>
                      <a:pt x="804" y="389"/>
                    </a:lnTo>
                    <a:lnTo>
                      <a:pt x="802" y="391"/>
                    </a:lnTo>
                    <a:lnTo>
                      <a:pt x="799" y="391"/>
                    </a:lnTo>
                    <a:lnTo>
                      <a:pt x="777" y="394"/>
                    </a:lnTo>
                    <a:lnTo>
                      <a:pt x="756" y="396"/>
                    </a:lnTo>
                    <a:lnTo>
                      <a:pt x="736" y="394"/>
                    </a:lnTo>
                    <a:lnTo>
                      <a:pt x="717" y="392"/>
                    </a:lnTo>
                    <a:lnTo>
                      <a:pt x="700" y="389"/>
                    </a:lnTo>
                    <a:lnTo>
                      <a:pt x="683" y="384"/>
                    </a:lnTo>
                    <a:lnTo>
                      <a:pt x="669" y="379"/>
                    </a:lnTo>
                    <a:lnTo>
                      <a:pt x="654" y="372"/>
                    </a:lnTo>
                    <a:lnTo>
                      <a:pt x="640" y="363"/>
                    </a:lnTo>
                    <a:lnTo>
                      <a:pt x="629" y="355"/>
                    </a:lnTo>
                    <a:lnTo>
                      <a:pt x="617" y="345"/>
                    </a:lnTo>
                    <a:lnTo>
                      <a:pt x="606" y="334"/>
                    </a:lnTo>
                    <a:lnTo>
                      <a:pt x="598" y="322"/>
                    </a:lnTo>
                    <a:lnTo>
                      <a:pt x="589" y="310"/>
                    </a:lnTo>
                    <a:lnTo>
                      <a:pt x="581" y="298"/>
                    </a:lnTo>
                    <a:lnTo>
                      <a:pt x="572" y="285"/>
                    </a:lnTo>
                    <a:lnTo>
                      <a:pt x="571" y="283"/>
                    </a:lnTo>
                    <a:lnTo>
                      <a:pt x="567" y="281"/>
                    </a:lnTo>
                    <a:lnTo>
                      <a:pt x="564" y="281"/>
                    </a:lnTo>
                    <a:lnTo>
                      <a:pt x="560" y="283"/>
                    </a:lnTo>
                    <a:lnTo>
                      <a:pt x="557" y="285"/>
                    </a:lnTo>
                    <a:lnTo>
                      <a:pt x="552" y="287"/>
                    </a:lnTo>
                    <a:lnTo>
                      <a:pt x="548" y="288"/>
                    </a:lnTo>
                    <a:lnTo>
                      <a:pt x="545" y="290"/>
                    </a:lnTo>
                    <a:lnTo>
                      <a:pt x="535" y="292"/>
                    </a:lnTo>
                    <a:lnTo>
                      <a:pt x="525" y="295"/>
                    </a:lnTo>
                    <a:lnTo>
                      <a:pt x="516" y="300"/>
                    </a:lnTo>
                    <a:lnTo>
                      <a:pt x="508" y="307"/>
                    </a:lnTo>
                    <a:lnTo>
                      <a:pt x="501" y="314"/>
                    </a:lnTo>
                    <a:lnTo>
                      <a:pt x="494" y="322"/>
                    </a:lnTo>
                    <a:lnTo>
                      <a:pt x="487" y="331"/>
                    </a:lnTo>
                    <a:lnTo>
                      <a:pt x="482" y="338"/>
                    </a:lnTo>
                    <a:lnTo>
                      <a:pt x="482" y="334"/>
                    </a:lnTo>
                    <a:lnTo>
                      <a:pt x="485" y="319"/>
                    </a:lnTo>
                    <a:lnTo>
                      <a:pt x="489" y="304"/>
                    </a:lnTo>
                    <a:lnTo>
                      <a:pt x="496" y="290"/>
                    </a:lnTo>
                    <a:lnTo>
                      <a:pt x="485" y="285"/>
                    </a:lnTo>
                    <a:lnTo>
                      <a:pt x="475" y="280"/>
                    </a:lnTo>
                    <a:lnTo>
                      <a:pt x="465" y="273"/>
                    </a:lnTo>
                    <a:lnTo>
                      <a:pt x="455" y="266"/>
                    </a:lnTo>
                    <a:lnTo>
                      <a:pt x="446" y="258"/>
                    </a:lnTo>
                    <a:lnTo>
                      <a:pt x="436" y="249"/>
                    </a:lnTo>
                    <a:lnTo>
                      <a:pt x="427" y="241"/>
                    </a:lnTo>
                    <a:lnTo>
                      <a:pt x="419" y="232"/>
                    </a:lnTo>
                    <a:lnTo>
                      <a:pt x="409" y="234"/>
                    </a:lnTo>
                    <a:lnTo>
                      <a:pt x="398" y="235"/>
                    </a:lnTo>
                    <a:lnTo>
                      <a:pt x="390" y="239"/>
                    </a:lnTo>
                    <a:lnTo>
                      <a:pt x="380" y="242"/>
                    </a:lnTo>
                    <a:lnTo>
                      <a:pt x="369" y="246"/>
                    </a:lnTo>
                    <a:lnTo>
                      <a:pt x="361" y="249"/>
                    </a:lnTo>
                    <a:lnTo>
                      <a:pt x="352" y="254"/>
                    </a:lnTo>
                    <a:lnTo>
                      <a:pt x="344" y="259"/>
                    </a:lnTo>
                    <a:lnTo>
                      <a:pt x="335" y="264"/>
                    </a:lnTo>
                    <a:lnTo>
                      <a:pt x="327" y="271"/>
                    </a:lnTo>
                    <a:lnTo>
                      <a:pt x="318" y="278"/>
                    </a:lnTo>
                    <a:lnTo>
                      <a:pt x="311" y="285"/>
                    </a:lnTo>
                    <a:lnTo>
                      <a:pt x="303" y="292"/>
                    </a:lnTo>
                    <a:lnTo>
                      <a:pt x="296" y="298"/>
                    </a:lnTo>
                    <a:lnTo>
                      <a:pt x="289" y="307"/>
                    </a:lnTo>
                    <a:lnTo>
                      <a:pt x="282" y="316"/>
                    </a:lnTo>
                    <a:lnTo>
                      <a:pt x="279" y="321"/>
                    </a:lnTo>
                    <a:lnTo>
                      <a:pt x="276" y="327"/>
                    </a:lnTo>
                    <a:lnTo>
                      <a:pt x="272" y="334"/>
                    </a:lnTo>
                    <a:lnTo>
                      <a:pt x="269" y="341"/>
                    </a:lnTo>
                    <a:lnTo>
                      <a:pt x="267" y="346"/>
                    </a:lnTo>
                    <a:lnTo>
                      <a:pt x="264" y="353"/>
                    </a:lnTo>
                    <a:lnTo>
                      <a:pt x="262" y="360"/>
                    </a:lnTo>
                    <a:lnTo>
                      <a:pt x="260" y="367"/>
                    </a:lnTo>
                    <a:lnTo>
                      <a:pt x="255" y="363"/>
                    </a:lnTo>
                    <a:lnTo>
                      <a:pt x="254" y="360"/>
                    </a:lnTo>
                    <a:lnTo>
                      <a:pt x="254" y="355"/>
                    </a:lnTo>
                    <a:lnTo>
                      <a:pt x="252" y="350"/>
                    </a:lnTo>
                    <a:lnTo>
                      <a:pt x="252" y="334"/>
                    </a:lnTo>
                    <a:lnTo>
                      <a:pt x="254" y="319"/>
                    </a:lnTo>
                    <a:lnTo>
                      <a:pt x="259" y="305"/>
                    </a:lnTo>
                    <a:lnTo>
                      <a:pt x="267" y="292"/>
                    </a:lnTo>
                    <a:lnTo>
                      <a:pt x="277" y="280"/>
                    </a:lnTo>
                    <a:lnTo>
                      <a:pt x="288" y="269"/>
                    </a:lnTo>
                    <a:lnTo>
                      <a:pt x="300" y="259"/>
                    </a:lnTo>
                    <a:lnTo>
                      <a:pt x="313" y="251"/>
                    </a:lnTo>
                    <a:lnTo>
                      <a:pt x="318" y="247"/>
                    </a:lnTo>
                    <a:lnTo>
                      <a:pt x="323" y="244"/>
                    </a:lnTo>
                    <a:lnTo>
                      <a:pt x="330" y="242"/>
                    </a:lnTo>
                    <a:lnTo>
                      <a:pt x="335" y="239"/>
                    </a:lnTo>
                    <a:lnTo>
                      <a:pt x="342" y="237"/>
                    </a:lnTo>
                    <a:lnTo>
                      <a:pt x="347" y="235"/>
                    </a:lnTo>
                    <a:lnTo>
                      <a:pt x="354" y="232"/>
                    </a:lnTo>
                    <a:lnTo>
                      <a:pt x="359" y="230"/>
                    </a:lnTo>
                    <a:lnTo>
                      <a:pt x="366" y="229"/>
                    </a:lnTo>
                    <a:lnTo>
                      <a:pt x="371" y="227"/>
                    </a:lnTo>
                    <a:lnTo>
                      <a:pt x="378" y="225"/>
                    </a:lnTo>
                    <a:lnTo>
                      <a:pt x="383" y="223"/>
                    </a:lnTo>
                    <a:lnTo>
                      <a:pt x="390" y="222"/>
                    </a:lnTo>
                    <a:lnTo>
                      <a:pt x="397" y="220"/>
                    </a:lnTo>
                    <a:lnTo>
                      <a:pt x="402" y="218"/>
                    </a:lnTo>
                    <a:lnTo>
                      <a:pt x="409" y="217"/>
                    </a:lnTo>
                    <a:lnTo>
                      <a:pt x="405" y="212"/>
                    </a:lnTo>
                    <a:lnTo>
                      <a:pt x="402" y="205"/>
                    </a:lnTo>
                    <a:lnTo>
                      <a:pt x="400" y="198"/>
                    </a:lnTo>
                    <a:lnTo>
                      <a:pt x="397" y="193"/>
                    </a:lnTo>
                    <a:lnTo>
                      <a:pt x="393" y="186"/>
                    </a:lnTo>
                    <a:lnTo>
                      <a:pt x="390" y="179"/>
                    </a:lnTo>
                    <a:lnTo>
                      <a:pt x="386" y="172"/>
                    </a:lnTo>
                    <a:lnTo>
                      <a:pt x="385" y="165"/>
                    </a:lnTo>
                    <a:lnTo>
                      <a:pt x="272" y="203"/>
                    </a:lnTo>
                    <a:lnTo>
                      <a:pt x="267" y="201"/>
                    </a:lnTo>
                    <a:lnTo>
                      <a:pt x="259" y="196"/>
                    </a:lnTo>
                    <a:lnTo>
                      <a:pt x="245" y="193"/>
                    </a:lnTo>
                    <a:lnTo>
                      <a:pt x="228" y="186"/>
                    </a:lnTo>
                    <a:lnTo>
                      <a:pt x="207" y="177"/>
                    </a:lnTo>
                    <a:lnTo>
                      <a:pt x="184" y="171"/>
                    </a:lnTo>
                    <a:lnTo>
                      <a:pt x="160" y="162"/>
                    </a:lnTo>
                    <a:lnTo>
                      <a:pt x="134" y="154"/>
                    </a:lnTo>
                    <a:lnTo>
                      <a:pt x="109" y="145"/>
                    </a:lnTo>
                    <a:lnTo>
                      <a:pt x="85" y="136"/>
                    </a:lnTo>
                    <a:lnTo>
                      <a:pt x="63" y="130"/>
                    </a:lnTo>
                    <a:lnTo>
                      <a:pt x="42" y="121"/>
                    </a:lnTo>
                    <a:lnTo>
                      <a:pt x="25" y="116"/>
                    </a:lnTo>
                    <a:lnTo>
                      <a:pt x="11" y="111"/>
                    </a:lnTo>
                    <a:lnTo>
                      <a:pt x="3" y="109"/>
                    </a:lnTo>
                    <a:lnTo>
                      <a:pt x="0" y="108"/>
                    </a:lnTo>
                    <a:lnTo>
                      <a:pt x="0" y="96"/>
                    </a:lnTo>
                    <a:lnTo>
                      <a:pt x="267" y="189"/>
                    </a:lnTo>
                    <a:lnTo>
                      <a:pt x="381" y="152"/>
                    </a:lnTo>
                    <a:lnTo>
                      <a:pt x="378" y="143"/>
                    </a:lnTo>
                    <a:lnTo>
                      <a:pt x="378" y="136"/>
                    </a:lnTo>
                    <a:lnTo>
                      <a:pt x="375" y="130"/>
                    </a:lnTo>
                    <a:lnTo>
                      <a:pt x="369" y="128"/>
                    </a:lnTo>
                    <a:lnTo>
                      <a:pt x="272" y="160"/>
                    </a:lnTo>
                    <a:lnTo>
                      <a:pt x="269" y="160"/>
                    </a:lnTo>
                    <a:lnTo>
                      <a:pt x="259" y="159"/>
                    </a:lnTo>
                    <a:lnTo>
                      <a:pt x="245" y="155"/>
                    </a:lnTo>
                    <a:lnTo>
                      <a:pt x="228" y="152"/>
                    </a:lnTo>
                    <a:lnTo>
                      <a:pt x="207" y="145"/>
                    </a:lnTo>
                    <a:lnTo>
                      <a:pt x="184" y="138"/>
                    </a:lnTo>
                    <a:lnTo>
                      <a:pt x="160" y="131"/>
                    </a:lnTo>
                    <a:lnTo>
                      <a:pt x="136" y="123"/>
                    </a:lnTo>
                    <a:lnTo>
                      <a:pt x="110" y="116"/>
                    </a:lnTo>
                    <a:lnTo>
                      <a:pt x="88" y="108"/>
                    </a:lnTo>
                    <a:lnTo>
                      <a:pt x="66" y="101"/>
                    </a:lnTo>
                    <a:lnTo>
                      <a:pt x="46" y="96"/>
                    </a:lnTo>
                    <a:lnTo>
                      <a:pt x="28" y="89"/>
                    </a:lnTo>
                    <a:lnTo>
                      <a:pt x="17" y="85"/>
                    </a:lnTo>
                    <a:lnTo>
                      <a:pt x="8" y="82"/>
                    </a:lnTo>
                    <a:lnTo>
                      <a:pt x="5" y="82"/>
                    </a:lnTo>
                    <a:lnTo>
                      <a:pt x="3" y="82"/>
                    </a:lnTo>
                    <a:lnTo>
                      <a:pt x="1" y="79"/>
                    </a:lnTo>
                    <a:lnTo>
                      <a:pt x="1" y="75"/>
                    </a:lnTo>
                    <a:lnTo>
                      <a:pt x="1" y="72"/>
                    </a:lnTo>
                    <a:lnTo>
                      <a:pt x="1" y="68"/>
                    </a:lnTo>
                    <a:lnTo>
                      <a:pt x="267" y="148"/>
                    </a:lnTo>
                    <a:lnTo>
                      <a:pt x="368" y="114"/>
                    </a:lnTo>
                    <a:lnTo>
                      <a:pt x="373" y="111"/>
                    </a:lnTo>
                    <a:lnTo>
                      <a:pt x="378" y="108"/>
                    </a:lnTo>
                    <a:lnTo>
                      <a:pt x="385" y="104"/>
                    </a:lnTo>
                    <a:lnTo>
                      <a:pt x="392" y="101"/>
                    </a:lnTo>
                    <a:lnTo>
                      <a:pt x="398" y="96"/>
                    </a:lnTo>
                    <a:lnTo>
                      <a:pt x="405" y="92"/>
                    </a:lnTo>
                    <a:lnTo>
                      <a:pt x="412" y="90"/>
                    </a:lnTo>
                    <a:lnTo>
                      <a:pt x="417" y="87"/>
                    </a:lnTo>
                    <a:lnTo>
                      <a:pt x="419" y="90"/>
                    </a:lnTo>
                    <a:lnTo>
                      <a:pt x="417" y="94"/>
                    </a:lnTo>
                    <a:lnTo>
                      <a:pt x="415" y="97"/>
                    </a:lnTo>
                    <a:lnTo>
                      <a:pt x="412" y="101"/>
                    </a:lnTo>
                    <a:lnTo>
                      <a:pt x="410" y="102"/>
                    </a:lnTo>
                    <a:lnTo>
                      <a:pt x="407" y="106"/>
                    </a:lnTo>
                    <a:lnTo>
                      <a:pt x="404" y="108"/>
                    </a:lnTo>
                    <a:lnTo>
                      <a:pt x="402" y="111"/>
                    </a:lnTo>
                    <a:lnTo>
                      <a:pt x="398" y="119"/>
                    </a:lnTo>
                    <a:lnTo>
                      <a:pt x="395" y="126"/>
                    </a:lnTo>
                    <a:lnTo>
                      <a:pt x="395" y="133"/>
                    </a:lnTo>
                    <a:lnTo>
                      <a:pt x="397" y="142"/>
                    </a:lnTo>
                    <a:lnTo>
                      <a:pt x="400" y="148"/>
                    </a:lnTo>
                    <a:lnTo>
                      <a:pt x="404" y="157"/>
                    </a:lnTo>
                    <a:lnTo>
                      <a:pt x="410" y="167"/>
                    </a:lnTo>
                    <a:lnTo>
                      <a:pt x="415" y="177"/>
                    </a:lnTo>
                    <a:lnTo>
                      <a:pt x="422" y="189"/>
                    </a:lnTo>
                    <a:lnTo>
                      <a:pt x="429" y="200"/>
                    </a:lnTo>
                    <a:lnTo>
                      <a:pt x="438" y="210"/>
                    </a:lnTo>
                    <a:lnTo>
                      <a:pt x="446" y="220"/>
                    </a:lnTo>
                    <a:lnTo>
                      <a:pt x="453" y="230"/>
                    </a:lnTo>
                    <a:lnTo>
                      <a:pt x="461" y="241"/>
                    </a:lnTo>
                    <a:lnTo>
                      <a:pt x="472" y="251"/>
                    </a:lnTo>
                    <a:lnTo>
                      <a:pt x="482" y="259"/>
                    </a:lnTo>
                    <a:lnTo>
                      <a:pt x="489" y="263"/>
                    </a:lnTo>
                    <a:lnTo>
                      <a:pt x="496" y="264"/>
                    </a:lnTo>
                    <a:lnTo>
                      <a:pt x="501" y="268"/>
                    </a:lnTo>
                    <a:lnTo>
                      <a:pt x="509" y="269"/>
                    </a:lnTo>
                    <a:lnTo>
                      <a:pt x="516" y="271"/>
                    </a:lnTo>
                    <a:lnTo>
                      <a:pt x="523" y="271"/>
                    </a:lnTo>
                    <a:lnTo>
                      <a:pt x="531" y="271"/>
                    </a:lnTo>
                    <a:lnTo>
                      <a:pt x="538" y="269"/>
                    </a:lnTo>
                    <a:lnTo>
                      <a:pt x="548" y="264"/>
                    </a:lnTo>
                    <a:lnTo>
                      <a:pt x="559" y="258"/>
                    </a:lnTo>
                    <a:lnTo>
                      <a:pt x="567" y="251"/>
                    </a:lnTo>
                    <a:lnTo>
                      <a:pt x="577" y="242"/>
                    </a:lnTo>
                    <a:lnTo>
                      <a:pt x="584" y="234"/>
                    </a:lnTo>
                    <a:lnTo>
                      <a:pt x="593" y="223"/>
                    </a:lnTo>
                    <a:lnTo>
                      <a:pt x="600" y="213"/>
                    </a:lnTo>
                    <a:lnTo>
                      <a:pt x="605" y="203"/>
                    </a:lnTo>
                    <a:lnTo>
                      <a:pt x="668" y="17"/>
                    </a:lnTo>
                    <a:lnTo>
                      <a:pt x="671" y="14"/>
                    </a:lnTo>
                    <a:lnTo>
                      <a:pt x="675" y="9"/>
                    </a:lnTo>
                    <a:lnTo>
                      <a:pt x="678" y="7"/>
                    </a:lnTo>
                    <a:lnTo>
                      <a:pt x="681" y="4"/>
                    </a:lnTo>
                    <a:lnTo>
                      <a:pt x="687" y="2"/>
                    </a:lnTo>
                    <a:lnTo>
                      <a:pt x="692" y="0"/>
                    </a:lnTo>
                    <a:lnTo>
                      <a:pt x="697" y="2"/>
                    </a:lnTo>
                    <a:lnTo>
                      <a:pt x="702" y="4"/>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2" name="Freeform 1228"/>
              <p:cNvSpPr>
                <a:spLocks/>
              </p:cNvSpPr>
              <p:nvPr/>
            </p:nvSpPr>
            <p:spPr bwMode="auto">
              <a:xfrm>
                <a:off x="2086669" y="1537568"/>
                <a:ext cx="326100" cy="406150"/>
              </a:xfrm>
              <a:custGeom>
                <a:avLst/>
                <a:gdLst/>
                <a:ahLst/>
                <a:cxnLst>
                  <a:cxn ang="0">
                    <a:pos x="160" y="378"/>
                  </a:cxn>
                  <a:cxn ang="0">
                    <a:pos x="191" y="168"/>
                  </a:cxn>
                  <a:cxn ang="0">
                    <a:pos x="227" y="92"/>
                  </a:cxn>
                  <a:cxn ang="0">
                    <a:pos x="270" y="88"/>
                  </a:cxn>
                  <a:cxn ang="0">
                    <a:pos x="270" y="259"/>
                  </a:cxn>
                  <a:cxn ang="0">
                    <a:pos x="302" y="240"/>
                  </a:cxn>
                  <a:cxn ang="0">
                    <a:pos x="319" y="201"/>
                  </a:cxn>
                  <a:cxn ang="0">
                    <a:pos x="328" y="83"/>
                  </a:cxn>
                  <a:cxn ang="0">
                    <a:pos x="317" y="46"/>
                  </a:cxn>
                  <a:cxn ang="0">
                    <a:pos x="285" y="17"/>
                  </a:cxn>
                  <a:cxn ang="0">
                    <a:pos x="234" y="13"/>
                  </a:cxn>
                  <a:cxn ang="0">
                    <a:pos x="181" y="20"/>
                  </a:cxn>
                  <a:cxn ang="0">
                    <a:pos x="131" y="34"/>
                  </a:cxn>
                  <a:cxn ang="0">
                    <a:pos x="80" y="57"/>
                  </a:cxn>
                  <a:cxn ang="0">
                    <a:pos x="46" y="98"/>
                  </a:cxn>
                  <a:cxn ang="0">
                    <a:pos x="21" y="218"/>
                  </a:cxn>
                  <a:cxn ang="0">
                    <a:pos x="26" y="264"/>
                  </a:cxn>
                  <a:cxn ang="0">
                    <a:pos x="51" y="300"/>
                  </a:cxn>
                  <a:cxn ang="0">
                    <a:pos x="82" y="310"/>
                  </a:cxn>
                  <a:cxn ang="0">
                    <a:pos x="106" y="313"/>
                  </a:cxn>
                  <a:cxn ang="0">
                    <a:pos x="128" y="312"/>
                  </a:cxn>
                  <a:cxn ang="0">
                    <a:pos x="154" y="305"/>
                  </a:cxn>
                  <a:cxn ang="0">
                    <a:pos x="154" y="317"/>
                  </a:cxn>
                  <a:cxn ang="0">
                    <a:pos x="130" y="323"/>
                  </a:cxn>
                  <a:cxn ang="0">
                    <a:pos x="106" y="327"/>
                  </a:cxn>
                  <a:cxn ang="0">
                    <a:pos x="82" y="327"/>
                  </a:cxn>
                  <a:cxn ang="0">
                    <a:pos x="58" y="322"/>
                  </a:cxn>
                  <a:cxn ang="0">
                    <a:pos x="26" y="305"/>
                  </a:cxn>
                  <a:cxn ang="0">
                    <a:pos x="4" y="274"/>
                  </a:cxn>
                  <a:cxn ang="0">
                    <a:pos x="4" y="170"/>
                  </a:cxn>
                  <a:cxn ang="0">
                    <a:pos x="29" y="73"/>
                  </a:cxn>
                  <a:cxn ang="0">
                    <a:pos x="46" y="49"/>
                  </a:cxn>
                  <a:cxn ang="0">
                    <a:pos x="67" y="35"/>
                  </a:cxn>
                  <a:cxn ang="0">
                    <a:pos x="92" y="27"/>
                  </a:cxn>
                  <a:cxn ang="0">
                    <a:pos x="128" y="17"/>
                  </a:cxn>
                  <a:cxn ang="0">
                    <a:pos x="142" y="15"/>
                  </a:cxn>
                  <a:cxn ang="0">
                    <a:pos x="176" y="8"/>
                  </a:cxn>
                  <a:cxn ang="0">
                    <a:pos x="215" y="1"/>
                  </a:cxn>
                  <a:cxn ang="0">
                    <a:pos x="249" y="0"/>
                  </a:cxn>
                  <a:cxn ang="0">
                    <a:pos x="295" y="5"/>
                  </a:cxn>
                  <a:cxn ang="0">
                    <a:pos x="328" y="32"/>
                  </a:cxn>
                  <a:cxn ang="0">
                    <a:pos x="339" y="97"/>
                  </a:cxn>
                  <a:cxn ang="0">
                    <a:pos x="338" y="168"/>
                  </a:cxn>
                  <a:cxn ang="0">
                    <a:pos x="333" y="219"/>
                  </a:cxn>
                  <a:cxn ang="0">
                    <a:pos x="305" y="259"/>
                  </a:cxn>
                  <a:cxn ang="0">
                    <a:pos x="283" y="272"/>
                  </a:cxn>
                  <a:cxn ang="0">
                    <a:pos x="259" y="284"/>
                  </a:cxn>
                  <a:cxn ang="0">
                    <a:pos x="271" y="98"/>
                  </a:cxn>
                  <a:cxn ang="0">
                    <a:pos x="234" y="104"/>
                  </a:cxn>
                  <a:cxn ang="0">
                    <a:pos x="167" y="422"/>
                  </a:cxn>
                </a:cxnLst>
                <a:rect l="0" t="0" r="r" b="b"/>
                <a:pathLst>
                  <a:path w="339" h="422">
                    <a:moveTo>
                      <a:pt x="167" y="422"/>
                    </a:moveTo>
                    <a:lnTo>
                      <a:pt x="154" y="422"/>
                    </a:lnTo>
                    <a:lnTo>
                      <a:pt x="155" y="410"/>
                    </a:lnTo>
                    <a:lnTo>
                      <a:pt x="160" y="378"/>
                    </a:lnTo>
                    <a:lnTo>
                      <a:pt x="166" y="332"/>
                    </a:lnTo>
                    <a:lnTo>
                      <a:pt x="174" y="277"/>
                    </a:lnTo>
                    <a:lnTo>
                      <a:pt x="183" y="221"/>
                    </a:lnTo>
                    <a:lnTo>
                      <a:pt x="191" y="168"/>
                    </a:lnTo>
                    <a:lnTo>
                      <a:pt x="201" y="126"/>
                    </a:lnTo>
                    <a:lnTo>
                      <a:pt x="208" y="100"/>
                    </a:lnTo>
                    <a:lnTo>
                      <a:pt x="217" y="97"/>
                    </a:lnTo>
                    <a:lnTo>
                      <a:pt x="227" y="92"/>
                    </a:lnTo>
                    <a:lnTo>
                      <a:pt x="237" y="90"/>
                    </a:lnTo>
                    <a:lnTo>
                      <a:pt x="247" y="88"/>
                    </a:lnTo>
                    <a:lnTo>
                      <a:pt x="258" y="86"/>
                    </a:lnTo>
                    <a:lnTo>
                      <a:pt x="270" y="88"/>
                    </a:lnTo>
                    <a:lnTo>
                      <a:pt x="278" y="90"/>
                    </a:lnTo>
                    <a:lnTo>
                      <a:pt x="288" y="93"/>
                    </a:lnTo>
                    <a:lnTo>
                      <a:pt x="261" y="262"/>
                    </a:lnTo>
                    <a:lnTo>
                      <a:pt x="270" y="259"/>
                    </a:lnTo>
                    <a:lnTo>
                      <a:pt x="278" y="255"/>
                    </a:lnTo>
                    <a:lnTo>
                      <a:pt x="285" y="252"/>
                    </a:lnTo>
                    <a:lnTo>
                      <a:pt x="293" y="247"/>
                    </a:lnTo>
                    <a:lnTo>
                      <a:pt x="302" y="240"/>
                    </a:lnTo>
                    <a:lnTo>
                      <a:pt x="309" y="233"/>
                    </a:lnTo>
                    <a:lnTo>
                      <a:pt x="314" y="226"/>
                    </a:lnTo>
                    <a:lnTo>
                      <a:pt x="317" y="218"/>
                    </a:lnTo>
                    <a:lnTo>
                      <a:pt x="319" y="201"/>
                    </a:lnTo>
                    <a:lnTo>
                      <a:pt x="322" y="161"/>
                    </a:lnTo>
                    <a:lnTo>
                      <a:pt x="326" y="121"/>
                    </a:lnTo>
                    <a:lnTo>
                      <a:pt x="328" y="92"/>
                    </a:lnTo>
                    <a:lnTo>
                      <a:pt x="328" y="83"/>
                    </a:lnTo>
                    <a:lnTo>
                      <a:pt x="326" y="75"/>
                    </a:lnTo>
                    <a:lnTo>
                      <a:pt x="324" y="64"/>
                    </a:lnTo>
                    <a:lnTo>
                      <a:pt x="321" y="54"/>
                    </a:lnTo>
                    <a:lnTo>
                      <a:pt x="317" y="46"/>
                    </a:lnTo>
                    <a:lnTo>
                      <a:pt x="312" y="35"/>
                    </a:lnTo>
                    <a:lnTo>
                      <a:pt x="305" y="27"/>
                    </a:lnTo>
                    <a:lnTo>
                      <a:pt x="299" y="20"/>
                    </a:lnTo>
                    <a:lnTo>
                      <a:pt x="285" y="17"/>
                    </a:lnTo>
                    <a:lnTo>
                      <a:pt x="271" y="15"/>
                    </a:lnTo>
                    <a:lnTo>
                      <a:pt x="259" y="13"/>
                    </a:lnTo>
                    <a:lnTo>
                      <a:pt x="246" y="13"/>
                    </a:lnTo>
                    <a:lnTo>
                      <a:pt x="234" y="13"/>
                    </a:lnTo>
                    <a:lnTo>
                      <a:pt x="220" y="13"/>
                    </a:lnTo>
                    <a:lnTo>
                      <a:pt x="206" y="15"/>
                    </a:lnTo>
                    <a:lnTo>
                      <a:pt x="195" y="17"/>
                    </a:lnTo>
                    <a:lnTo>
                      <a:pt x="181" y="20"/>
                    </a:lnTo>
                    <a:lnTo>
                      <a:pt x="169" y="22"/>
                    </a:lnTo>
                    <a:lnTo>
                      <a:pt x="155" y="25"/>
                    </a:lnTo>
                    <a:lnTo>
                      <a:pt x="143" y="30"/>
                    </a:lnTo>
                    <a:lnTo>
                      <a:pt x="131" y="34"/>
                    </a:lnTo>
                    <a:lnTo>
                      <a:pt x="120" y="39"/>
                    </a:lnTo>
                    <a:lnTo>
                      <a:pt x="108" y="44"/>
                    </a:lnTo>
                    <a:lnTo>
                      <a:pt x="96" y="49"/>
                    </a:lnTo>
                    <a:lnTo>
                      <a:pt x="80" y="57"/>
                    </a:lnTo>
                    <a:lnTo>
                      <a:pt x="67" y="68"/>
                    </a:lnTo>
                    <a:lnTo>
                      <a:pt x="58" y="78"/>
                    </a:lnTo>
                    <a:lnTo>
                      <a:pt x="51" y="88"/>
                    </a:lnTo>
                    <a:lnTo>
                      <a:pt x="46" y="98"/>
                    </a:lnTo>
                    <a:lnTo>
                      <a:pt x="43" y="109"/>
                    </a:lnTo>
                    <a:lnTo>
                      <a:pt x="38" y="121"/>
                    </a:lnTo>
                    <a:lnTo>
                      <a:pt x="34" y="132"/>
                    </a:lnTo>
                    <a:lnTo>
                      <a:pt x="21" y="218"/>
                    </a:lnTo>
                    <a:lnTo>
                      <a:pt x="21" y="230"/>
                    </a:lnTo>
                    <a:lnTo>
                      <a:pt x="22" y="242"/>
                    </a:lnTo>
                    <a:lnTo>
                      <a:pt x="24" y="254"/>
                    </a:lnTo>
                    <a:lnTo>
                      <a:pt x="26" y="264"/>
                    </a:lnTo>
                    <a:lnTo>
                      <a:pt x="29" y="274"/>
                    </a:lnTo>
                    <a:lnTo>
                      <a:pt x="36" y="284"/>
                    </a:lnTo>
                    <a:lnTo>
                      <a:pt x="43" y="293"/>
                    </a:lnTo>
                    <a:lnTo>
                      <a:pt x="51" y="300"/>
                    </a:lnTo>
                    <a:lnTo>
                      <a:pt x="60" y="303"/>
                    </a:lnTo>
                    <a:lnTo>
                      <a:pt x="67" y="305"/>
                    </a:lnTo>
                    <a:lnTo>
                      <a:pt x="75" y="308"/>
                    </a:lnTo>
                    <a:lnTo>
                      <a:pt x="82" y="310"/>
                    </a:lnTo>
                    <a:lnTo>
                      <a:pt x="87" y="312"/>
                    </a:lnTo>
                    <a:lnTo>
                      <a:pt x="94" y="312"/>
                    </a:lnTo>
                    <a:lnTo>
                      <a:pt x="101" y="313"/>
                    </a:lnTo>
                    <a:lnTo>
                      <a:pt x="106" y="313"/>
                    </a:lnTo>
                    <a:lnTo>
                      <a:pt x="111" y="313"/>
                    </a:lnTo>
                    <a:lnTo>
                      <a:pt x="118" y="313"/>
                    </a:lnTo>
                    <a:lnTo>
                      <a:pt x="123" y="312"/>
                    </a:lnTo>
                    <a:lnTo>
                      <a:pt x="128" y="312"/>
                    </a:lnTo>
                    <a:lnTo>
                      <a:pt x="135" y="310"/>
                    </a:lnTo>
                    <a:lnTo>
                      <a:pt x="140" y="308"/>
                    </a:lnTo>
                    <a:lnTo>
                      <a:pt x="147" y="306"/>
                    </a:lnTo>
                    <a:lnTo>
                      <a:pt x="154" y="305"/>
                    </a:lnTo>
                    <a:lnTo>
                      <a:pt x="155" y="306"/>
                    </a:lnTo>
                    <a:lnTo>
                      <a:pt x="155" y="310"/>
                    </a:lnTo>
                    <a:lnTo>
                      <a:pt x="155" y="315"/>
                    </a:lnTo>
                    <a:lnTo>
                      <a:pt x="154" y="317"/>
                    </a:lnTo>
                    <a:lnTo>
                      <a:pt x="149" y="318"/>
                    </a:lnTo>
                    <a:lnTo>
                      <a:pt x="142" y="320"/>
                    </a:lnTo>
                    <a:lnTo>
                      <a:pt x="135" y="323"/>
                    </a:lnTo>
                    <a:lnTo>
                      <a:pt x="130" y="323"/>
                    </a:lnTo>
                    <a:lnTo>
                      <a:pt x="123" y="325"/>
                    </a:lnTo>
                    <a:lnTo>
                      <a:pt x="118" y="327"/>
                    </a:lnTo>
                    <a:lnTo>
                      <a:pt x="111" y="327"/>
                    </a:lnTo>
                    <a:lnTo>
                      <a:pt x="106" y="327"/>
                    </a:lnTo>
                    <a:lnTo>
                      <a:pt x="99" y="327"/>
                    </a:lnTo>
                    <a:lnTo>
                      <a:pt x="94" y="327"/>
                    </a:lnTo>
                    <a:lnTo>
                      <a:pt x="89" y="327"/>
                    </a:lnTo>
                    <a:lnTo>
                      <a:pt x="82" y="327"/>
                    </a:lnTo>
                    <a:lnTo>
                      <a:pt x="77" y="325"/>
                    </a:lnTo>
                    <a:lnTo>
                      <a:pt x="70" y="325"/>
                    </a:lnTo>
                    <a:lnTo>
                      <a:pt x="63" y="323"/>
                    </a:lnTo>
                    <a:lnTo>
                      <a:pt x="58" y="322"/>
                    </a:lnTo>
                    <a:lnTo>
                      <a:pt x="50" y="318"/>
                    </a:lnTo>
                    <a:lnTo>
                      <a:pt x="41" y="315"/>
                    </a:lnTo>
                    <a:lnTo>
                      <a:pt x="33" y="310"/>
                    </a:lnTo>
                    <a:lnTo>
                      <a:pt x="26" y="305"/>
                    </a:lnTo>
                    <a:lnTo>
                      <a:pt x="19" y="298"/>
                    </a:lnTo>
                    <a:lnTo>
                      <a:pt x="12" y="291"/>
                    </a:lnTo>
                    <a:lnTo>
                      <a:pt x="9" y="283"/>
                    </a:lnTo>
                    <a:lnTo>
                      <a:pt x="4" y="274"/>
                    </a:lnTo>
                    <a:lnTo>
                      <a:pt x="0" y="248"/>
                    </a:lnTo>
                    <a:lnTo>
                      <a:pt x="0" y="223"/>
                    </a:lnTo>
                    <a:lnTo>
                      <a:pt x="0" y="196"/>
                    </a:lnTo>
                    <a:lnTo>
                      <a:pt x="4" y="170"/>
                    </a:lnTo>
                    <a:lnTo>
                      <a:pt x="7" y="144"/>
                    </a:lnTo>
                    <a:lnTo>
                      <a:pt x="14" y="121"/>
                    </a:lnTo>
                    <a:lnTo>
                      <a:pt x="21" y="95"/>
                    </a:lnTo>
                    <a:lnTo>
                      <a:pt x="29" y="73"/>
                    </a:lnTo>
                    <a:lnTo>
                      <a:pt x="33" y="66"/>
                    </a:lnTo>
                    <a:lnTo>
                      <a:pt x="38" y="59"/>
                    </a:lnTo>
                    <a:lnTo>
                      <a:pt x="41" y="54"/>
                    </a:lnTo>
                    <a:lnTo>
                      <a:pt x="46" y="49"/>
                    </a:lnTo>
                    <a:lnTo>
                      <a:pt x="51" y="46"/>
                    </a:lnTo>
                    <a:lnTo>
                      <a:pt x="56" y="42"/>
                    </a:lnTo>
                    <a:lnTo>
                      <a:pt x="62" y="39"/>
                    </a:lnTo>
                    <a:lnTo>
                      <a:pt x="67" y="35"/>
                    </a:lnTo>
                    <a:lnTo>
                      <a:pt x="72" y="34"/>
                    </a:lnTo>
                    <a:lnTo>
                      <a:pt x="79" y="30"/>
                    </a:lnTo>
                    <a:lnTo>
                      <a:pt x="85" y="28"/>
                    </a:lnTo>
                    <a:lnTo>
                      <a:pt x="92" y="27"/>
                    </a:lnTo>
                    <a:lnTo>
                      <a:pt x="101" y="25"/>
                    </a:lnTo>
                    <a:lnTo>
                      <a:pt x="109" y="22"/>
                    </a:lnTo>
                    <a:lnTo>
                      <a:pt x="118" y="20"/>
                    </a:lnTo>
                    <a:lnTo>
                      <a:pt x="128" y="17"/>
                    </a:lnTo>
                    <a:lnTo>
                      <a:pt x="131" y="17"/>
                    </a:lnTo>
                    <a:lnTo>
                      <a:pt x="137" y="15"/>
                    </a:lnTo>
                    <a:lnTo>
                      <a:pt x="142" y="15"/>
                    </a:lnTo>
                    <a:lnTo>
                      <a:pt x="149" y="13"/>
                    </a:lnTo>
                    <a:lnTo>
                      <a:pt x="157" y="11"/>
                    </a:lnTo>
                    <a:lnTo>
                      <a:pt x="166" y="10"/>
                    </a:lnTo>
                    <a:lnTo>
                      <a:pt x="176" y="8"/>
                    </a:lnTo>
                    <a:lnTo>
                      <a:pt x="186" y="6"/>
                    </a:lnTo>
                    <a:lnTo>
                      <a:pt x="196" y="5"/>
                    </a:lnTo>
                    <a:lnTo>
                      <a:pt x="206" y="3"/>
                    </a:lnTo>
                    <a:lnTo>
                      <a:pt x="215" y="1"/>
                    </a:lnTo>
                    <a:lnTo>
                      <a:pt x="225" y="1"/>
                    </a:lnTo>
                    <a:lnTo>
                      <a:pt x="234" y="0"/>
                    </a:lnTo>
                    <a:lnTo>
                      <a:pt x="242" y="0"/>
                    </a:lnTo>
                    <a:lnTo>
                      <a:pt x="249" y="0"/>
                    </a:lnTo>
                    <a:lnTo>
                      <a:pt x="261" y="0"/>
                    </a:lnTo>
                    <a:lnTo>
                      <a:pt x="273" y="0"/>
                    </a:lnTo>
                    <a:lnTo>
                      <a:pt x="283" y="3"/>
                    </a:lnTo>
                    <a:lnTo>
                      <a:pt x="295" y="5"/>
                    </a:lnTo>
                    <a:lnTo>
                      <a:pt x="305" y="10"/>
                    </a:lnTo>
                    <a:lnTo>
                      <a:pt x="314" y="15"/>
                    </a:lnTo>
                    <a:lnTo>
                      <a:pt x="321" y="22"/>
                    </a:lnTo>
                    <a:lnTo>
                      <a:pt x="328" y="32"/>
                    </a:lnTo>
                    <a:lnTo>
                      <a:pt x="333" y="46"/>
                    </a:lnTo>
                    <a:lnTo>
                      <a:pt x="336" y="61"/>
                    </a:lnTo>
                    <a:lnTo>
                      <a:pt x="338" y="78"/>
                    </a:lnTo>
                    <a:lnTo>
                      <a:pt x="339" y="97"/>
                    </a:lnTo>
                    <a:lnTo>
                      <a:pt x="339" y="115"/>
                    </a:lnTo>
                    <a:lnTo>
                      <a:pt x="338" y="134"/>
                    </a:lnTo>
                    <a:lnTo>
                      <a:pt x="338" y="153"/>
                    </a:lnTo>
                    <a:lnTo>
                      <a:pt x="338" y="168"/>
                    </a:lnTo>
                    <a:lnTo>
                      <a:pt x="336" y="182"/>
                    </a:lnTo>
                    <a:lnTo>
                      <a:pt x="336" y="194"/>
                    </a:lnTo>
                    <a:lnTo>
                      <a:pt x="334" y="208"/>
                    </a:lnTo>
                    <a:lnTo>
                      <a:pt x="333" y="219"/>
                    </a:lnTo>
                    <a:lnTo>
                      <a:pt x="328" y="231"/>
                    </a:lnTo>
                    <a:lnTo>
                      <a:pt x="322" y="242"/>
                    </a:lnTo>
                    <a:lnTo>
                      <a:pt x="316" y="250"/>
                    </a:lnTo>
                    <a:lnTo>
                      <a:pt x="305" y="259"/>
                    </a:lnTo>
                    <a:lnTo>
                      <a:pt x="299" y="262"/>
                    </a:lnTo>
                    <a:lnTo>
                      <a:pt x="293" y="267"/>
                    </a:lnTo>
                    <a:lnTo>
                      <a:pt x="288" y="271"/>
                    </a:lnTo>
                    <a:lnTo>
                      <a:pt x="283" y="272"/>
                    </a:lnTo>
                    <a:lnTo>
                      <a:pt x="276" y="277"/>
                    </a:lnTo>
                    <a:lnTo>
                      <a:pt x="271" y="279"/>
                    </a:lnTo>
                    <a:lnTo>
                      <a:pt x="264" y="283"/>
                    </a:lnTo>
                    <a:lnTo>
                      <a:pt x="259" y="284"/>
                    </a:lnTo>
                    <a:lnTo>
                      <a:pt x="235" y="422"/>
                    </a:lnTo>
                    <a:lnTo>
                      <a:pt x="224" y="422"/>
                    </a:lnTo>
                    <a:lnTo>
                      <a:pt x="276" y="100"/>
                    </a:lnTo>
                    <a:lnTo>
                      <a:pt x="271" y="98"/>
                    </a:lnTo>
                    <a:lnTo>
                      <a:pt x="263" y="98"/>
                    </a:lnTo>
                    <a:lnTo>
                      <a:pt x="254" y="100"/>
                    </a:lnTo>
                    <a:lnTo>
                      <a:pt x="244" y="102"/>
                    </a:lnTo>
                    <a:lnTo>
                      <a:pt x="234" y="104"/>
                    </a:lnTo>
                    <a:lnTo>
                      <a:pt x="225" y="107"/>
                    </a:lnTo>
                    <a:lnTo>
                      <a:pt x="218" y="109"/>
                    </a:lnTo>
                    <a:lnTo>
                      <a:pt x="213" y="112"/>
                    </a:lnTo>
                    <a:lnTo>
                      <a:pt x="167" y="422"/>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3" name="Freeform 1227"/>
              <p:cNvSpPr>
                <a:spLocks/>
              </p:cNvSpPr>
              <p:nvPr/>
            </p:nvSpPr>
            <p:spPr bwMode="auto">
              <a:xfrm>
                <a:off x="2135378" y="1566460"/>
                <a:ext cx="194834" cy="237746"/>
              </a:xfrm>
              <a:custGeom>
                <a:avLst/>
                <a:gdLst/>
                <a:ahLst/>
                <a:cxnLst>
                  <a:cxn ang="0">
                    <a:pos x="193" y="2"/>
                  </a:cxn>
                  <a:cxn ang="0">
                    <a:pos x="174" y="7"/>
                  </a:cxn>
                  <a:cxn ang="0">
                    <a:pos x="155" y="14"/>
                  </a:cxn>
                  <a:cxn ang="0">
                    <a:pos x="140" y="19"/>
                  </a:cxn>
                  <a:cxn ang="0">
                    <a:pos x="123" y="24"/>
                  </a:cxn>
                  <a:cxn ang="0">
                    <a:pos x="108" y="31"/>
                  </a:cxn>
                  <a:cxn ang="0">
                    <a:pos x="91" y="36"/>
                  </a:cxn>
                  <a:cxn ang="0">
                    <a:pos x="75" y="43"/>
                  </a:cxn>
                  <a:cxn ang="0">
                    <a:pos x="55" y="55"/>
                  </a:cxn>
                  <a:cxn ang="0">
                    <a:pos x="38" y="79"/>
                  </a:cxn>
                  <a:cxn ang="0">
                    <a:pos x="28" y="106"/>
                  </a:cxn>
                  <a:cxn ang="0">
                    <a:pos x="23" y="137"/>
                  </a:cxn>
                  <a:cxn ang="0">
                    <a:pos x="17" y="246"/>
                  </a:cxn>
                  <a:cxn ang="0">
                    <a:pos x="14" y="247"/>
                  </a:cxn>
                  <a:cxn ang="0">
                    <a:pos x="9" y="246"/>
                  </a:cxn>
                  <a:cxn ang="0">
                    <a:pos x="4" y="244"/>
                  </a:cxn>
                  <a:cxn ang="0">
                    <a:pos x="2" y="242"/>
                  </a:cxn>
                  <a:cxn ang="0">
                    <a:pos x="0" y="193"/>
                  </a:cxn>
                  <a:cxn ang="0">
                    <a:pos x="4" y="143"/>
                  </a:cxn>
                  <a:cxn ang="0">
                    <a:pos x="16" y="96"/>
                  </a:cxn>
                  <a:cxn ang="0">
                    <a:pos x="36" y="53"/>
                  </a:cxn>
                  <a:cxn ang="0">
                    <a:pos x="53" y="45"/>
                  </a:cxn>
                  <a:cxn ang="0">
                    <a:pos x="69" y="36"/>
                  </a:cxn>
                  <a:cxn ang="0">
                    <a:pos x="86" y="27"/>
                  </a:cxn>
                  <a:cxn ang="0">
                    <a:pos x="103" y="22"/>
                  </a:cxn>
                  <a:cxn ang="0">
                    <a:pos x="120" y="17"/>
                  </a:cxn>
                  <a:cxn ang="0">
                    <a:pos x="138" y="12"/>
                  </a:cxn>
                  <a:cxn ang="0">
                    <a:pos x="155" y="7"/>
                  </a:cxn>
                  <a:cxn ang="0">
                    <a:pos x="174" y="4"/>
                  </a:cxn>
                  <a:cxn ang="0">
                    <a:pos x="181" y="2"/>
                  </a:cxn>
                  <a:cxn ang="0">
                    <a:pos x="188" y="2"/>
                  </a:cxn>
                  <a:cxn ang="0">
                    <a:pos x="195" y="0"/>
                  </a:cxn>
                  <a:cxn ang="0">
                    <a:pos x="202" y="0"/>
                  </a:cxn>
                </a:cxnLst>
                <a:rect l="0" t="0" r="r" b="b"/>
                <a:pathLst>
                  <a:path w="202" h="247">
                    <a:moveTo>
                      <a:pt x="202" y="0"/>
                    </a:moveTo>
                    <a:lnTo>
                      <a:pt x="193" y="2"/>
                    </a:lnTo>
                    <a:lnTo>
                      <a:pt x="183" y="5"/>
                    </a:lnTo>
                    <a:lnTo>
                      <a:pt x="174" y="7"/>
                    </a:lnTo>
                    <a:lnTo>
                      <a:pt x="164" y="10"/>
                    </a:lnTo>
                    <a:lnTo>
                      <a:pt x="155" y="14"/>
                    </a:lnTo>
                    <a:lnTo>
                      <a:pt x="147" y="16"/>
                    </a:lnTo>
                    <a:lnTo>
                      <a:pt x="140" y="19"/>
                    </a:lnTo>
                    <a:lnTo>
                      <a:pt x="132" y="22"/>
                    </a:lnTo>
                    <a:lnTo>
                      <a:pt x="123" y="24"/>
                    </a:lnTo>
                    <a:lnTo>
                      <a:pt x="115" y="27"/>
                    </a:lnTo>
                    <a:lnTo>
                      <a:pt x="108" y="31"/>
                    </a:lnTo>
                    <a:lnTo>
                      <a:pt x="99" y="33"/>
                    </a:lnTo>
                    <a:lnTo>
                      <a:pt x="91" y="36"/>
                    </a:lnTo>
                    <a:lnTo>
                      <a:pt x="84" y="39"/>
                    </a:lnTo>
                    <a:lnTo>
                      <a:pt x="75" y="43"/>
                    </a:lnTo>
                    <a:lnTo>
                      <a:pt x="67" y="45"/>
                    </a:lnTo>
                    <a:lnTo>
                      <a:pt x="55" y="55"/>
                    </a:lnTo>
                    <a:lnTo>
                      <a:pt x="45" y="65"/>
                    </a:lnTo>
                    <a:lnTo>
                      <a:pt x="38" y="79"/>
                    </a:lnTo>
                    <a:lnTo>
                      <a:pt x="33" y="92"/>
                    </a:lnTo>
                    <a:lnTo>
                      <a:pt x="28" y="106"/>
                    </a:lnTo>
                    <a:lnTo>
                      <a:pt x="24" y="121"/>
                    </a:lnTo>
                    <a:lnTo>
                      <a:pt x="23" y="137"/>
                    </a:lnTo>
                    <a:lnTo>
                      <a:pt x="19" y="152"/>
                    </a:lnTo>
                    <a:lnTo>
                      <a:pt x="17" y="246"/>
                    </a:lnTo>
                    <a:lnTo>
                      <a:pt x="16" y="247"/>
                    </a:lnTo>
                    <a:lnTo>
                      <a:pt x="14" y="247"/>
                    </a:lnTo>
                    <a:lnTo>
                      <a:pt x="11" y="246"/>
                    </a:lnTo>
                    <a:lnTo>
                      <a:pt x="9" y="246"/>
                    </a:lnTo>
                    <a:lnTo>
                      <a:pt x="5" y="244"/>
                    </a:lnTo>
                    <a:lnTo>
                      <a:pt x="4" y="244"/>
                    </a:lnTo>
                    <a:lnTo>
                      <a:pt x="2" y="242"/>
                    </a:lnTo>
                    <a:lnTo>
                      <a:pt x="0" y="218"/>
                    </a:lnTo>
                    <a:lnTo>
                      <a:pt x="0" y="193"/>
                    </a:lnTo>
                    <a:lnTo>
                      <a:pt x="2" y="167"/>
                    </a:lnTo>
                    <a:lnTo>
                      <a:pt x="4" y="143"/>
                    </a:lnTo>
                    <a:lnTo>
                      <a:pt x="9" y="120"/>
                    </a:lnTo>
                    <a:lnTo>
                      <a:pt x="16" y="96"/>
                    </a:lnTo>
                    <a:lnTo>
                      <a:pt x="24" y="74"/>
                    </a:lnTo>
                    <a:lnTo>
                      <a:pt x="36" y="53"/>
                    </a:lnTo>
                    <a:lnTo>
                      <a:pt x="45" y="50"/>
                    </a:lnTo>
                    <a:lnTo>
                      <a:pt x="53" y="45"/>
                    </a:lnTo>
                    <a:lnTo>
                      <a:pt x="60" y="39"/>
                    </a:lnTo>
                    <a:lnTo>
                      <a:pt x="69" y="36"/>
                    </a:lnTo>
                    <a:lnTo>
                      <a:pt x="77" y="33"/>
                    </a:lnTo>
                    <a:lnTo>
                      <a:pt x="86" y="27"/>
                    </a:lnTo>
                    <a:lnTo>
                      <a:pt x="94" y="26"/>
                    </a:lnTo>
                    <a:lnTo>
                      <a:pt x="103" y="22"/>
                    </a:lnTo>
                    <a:lnTo>
                      <a:pt x="111" y="19"/>
                    </a:lnTo>
                    <a:lnTo>
                      <a:pt x="120" y="17"/>
                    </a:lnTo>
                    <a:lnTo>
                      <a:pt x="128" y="14"/>
                    </a:lnTo>
                    <a:lnTo>
                      <a:pt x="138" y="12"/>
                    </a:lnTo>
                    <a:lnTo>
                      <a:pt x="147" y="9"/>
                    </a:lnTo>
                    <a:lnTo>
                      <a:pt x="155" y="7"/>
                    </a:lnTo>
                    <a:lnTo>
                      <a:pt x="164" y="5"/>
                    </a:lnTo>
                    <a:lnTo>
                      <a:pt x="174" y="4"/>
                    </a:lnTo>
                    <a:lnTo>
                      <a:pt x="178" y="2"/>
                    </a:lnTo>
                    <a:lnTo>
                      <a:pt x="181" y="2"/>
                    </a:lnTo>
                    <a:lnTo>
                      <a:pt x="184" y="2"/>
                    </a:lnTo>
                    <a:lnTo>
                      <a:pt x="188" y="2"/>
                    </a:lnTo>
                    <a:lnTo>
                      <a:pt x="191" y="0"/>
                    </a:lnTo>
                    <a:lnTo>
                      <a:pt x="195" y="0"/>
                    </a:lnTo>
                    <a:lnTo>
                      <a:pt x="198" y="0"/>
                    </a:lnTo>
                    <a:lnTo>
                      <a:pt x="202" y="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4" name="Freeform 1226"/>
              <p:cNvSpPr>
                <a:spLocks/>
              </p:cNvSpPr>
              <p:nvPr/>
            </p:nvSpPr>
            <p:spPr bwMode="auto">
              <a:xfrm>
                <a:off x="2255911" y="1644884"/>
                <a:ext cx="56964" cy="298834"/>
              </a:xfrm>
              <a:custGeom>
                <a:avLst/>
                <a:gdLst/>
                <a:ahLst/>
                <a:cxnLst>
                  <a:cxn ang="0">
                    <a:pos x="0" y="310"/>
                  </a:cxn>
                  <a:cxn ang="0">
                    <a:pos x="34" y="101"/>
                  </a:cxn>
                  <a:cxn ang="0">
                    <a:pos x="53" y="2"/>
                  </a:cxn>
                  <a:cxn ang="0">
                    <a:pos x="53" y="0"/>
                  </a:cxn>
                  <a:cxn ang="0">
                    <a:pos x="54" y="0"/>
                  </a:cxn>
                  <a:cxn ang="0">
                    <a:pos x="58" y="0"/>
                  </a:cxn>
                  <a:cxn ang="0">
                    <a:pos x="59" y="0"/>
                  </a:cxn>
                  <a:cxn ang="0">
                    <a:pos x="42" y="104"/>
                  </a:cxn>
                  <a:cxn ang="0">
                    <a:pos x="8" y="310"/>
                  </a:cxn>
                  <a:cxn ang="0">
                    <a:pos x="0" y="310"/>
                  </a:cxn>
                </a:cxnLst>
                <a:rect l="0" t="0" r="r" b="b"/>
                <a:pathLst>
                  <a:path w="59" h="310">
                    <a:moveTo>
                      <a:pt x="0" y="310"/>
                    </a:moveTo>
                    <a:lnTo>
                      <a:pt x="34" y="101"/>
                    </a:lnTo>
                    <a:lnTo>
                      <a:pt x="53" y="2"/>
                    </a:lnTo>
                    <a:lnTo>
                      <a:pt x="53" y="0"/>
                    </a:lnTo>
                    <a:lnTo>
                      <a:pt x="54" y="0"/>
                    </a:lnTo>
                    <a:lnTo>
                      <a:pt x="58" y="0"/>
                    </a:lnTo>
                    <a:lnTo>
                      <a:pt x="59" y="0"/>
                    </a:lnTo>
                    <a:lnTo>
                      <a:pt x="42" y="104"/>
                    </a:lnTo>
                    <a:lnTo>
                      <a:pt x="8" y="310"/>
                    </a:lnTo>
                    <a:lnTo>
                      <a:pt x="0" y="31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5" name="Freeform 1225"/>
              <p:cNvSpPr>
                <a:spLocks/>
              </p:cNvSpPr>
              <p:nvPr/>
            </p:nvSpPr>
            <p:spPr bwMode="auto">
              <a:xfrm>
                <a:off x="1673884" y="1128942"/>
                <a:ext cx="38802" cy="179135"/>
              </a:xfrm>
              <a:custGeom>
                <a:avLst/>
                <a:gdLst/>
                <a:ahLst/>
                <a:cxnLst>
                  <a:cxn ang="0">
                    <a:pos x="41" y="184"/>
                  </a:cxn>
                  <a:cxn ang="0">
                    <a:pos x="37" y="0"/>
                  </a:cxn>
                  <a:cxn ang="0">
                    <a:pos x="0" y="0"/>
                  </a:cxn>
                  <a:cxn ang="0">
                    <a:pos x="3" y="186"/>
                  </a:cxn>
                  <a:cxn ang="0">
                    <a:pos x="41" y="184"/>
                  </a:cxn>
                </a:cxnLst>
                <a:rect l="0" t="0" r="r" b="b"/>
                <a:pathLst>
                  <a:path w="41" h="186">
                    <a:moveTo>
                      <a:pt x="41" y="184"/>
                    </a:moveTo>
                    <a:lnTo>
                      <a:pt x="37" y="0"/>
                    </a:lnTo>
                    <a:lnTo>
                      <a:pt x="0" y="0"/>
                    </a:lnTo>
                    <a:lnTo>
                      <a:pt x="3" y="186"/>
                    </a:lnTo>
                    <a:lnTo>
                      <a:pt x="41" y="184"/>
                    </a:lnTo>
                    <a:close/>
                  </a:path>
                </a:pathLst>
              </a:custGeom>
              <a:solidFill>
                <a:srgbClr val="9EE8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6" name="Freeform 1224"/>
              <p:cNvSpPr>
                <a:spLocks/>
              </p:cNvSpPr>
              <p:nvPr/>
            </p:nvSpPr>
            <p:spPr bwMode="auto">
              <a:xfrm>
                <a:off x="1723419" y="1058773"/>
                <a:ext cx="39627" cy="245176"/>
              </a:xfrm>
              <a:custGeom>
                <a:avLst/>
                <a:gdLst/>
                <a:ahLst/>
                <a:cxnLst>
                  <a:cxn ang="0">
                    <a:pos x="41" y="255"/>
                  </a:cxn>
                  <a:cxn ang="0">
                    <a:pos x="36" y="0"/>
                  </a:cxn>
                  <a:cxn ang="0">
                    <a:pos x="0" y="1"/>
                  </a:cxn>
                  <a:cxn ang="0">
                    <a:pos x="4" y="255"/>
                  </a:cxn>
                  <a:cxn ang="0">
                    <a:pos x="41" y="255"/>
                  </a:cxn>
                </a:cxnLst>
                <a:rect l="0" t="0" r="r" b="b"/>
                <a:pathLst>
                  <a:path w="41" h="255">
                    <a:moveTo>
                      <a:pt x="41" y="255"/>
                    </a:moveTo>
                    <a:lnTo>
                      <a:pt x="36" y="0"/>
                    </a:lnTo>
                    <a:lnTo>
                      <a:pt x="0" y="1"/>
                    </a:lnTo>
                    <a:lnTo>
                      <a:pt x="4" y="255"/>
                    </a:lnTo>
                    <a:lnTo>
                      <a:pt x="41" y="255"/>
                    </a:lnTo>
                    <a:close/>
                  </a:path>
                </a:pathLst>
              </a:custGeom>
              <a:solidFill>
                <a:srgbClr val="9EE8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7" name="Freeform 1223"/>
              <p:cNvSpPr>
                <a:spLocks/>
              </p:cNvSpPr>
              <p:nvPr/>
            </p:nvSpPr>
            <p:spPr bwMode="auto">
              <a:xfrm>
                <a:off x="1773778" y="1099223"/>
                <a:ext cx="40453" cy="203900"/>
              </a:xfrm>
              <a:custGeom>
                <a:avLst/>
                <a:gdLst/>
                <a:ahLst/>
                <a:cxnLst>
                  <a:cxn ang="0">
                    <a:pos x="42" y="212"/>
                  </a:cxn>
                  <a:cxn ang="0">
                    <a:pos x="37" y="0"/>
                  </a:cxn>
                  <a:cxn ang="0">
                    <a:pos x="0" y="2"/>
                  </a:cxn>
                  <a:cxn ang="0">
                    <a:pos x="5" y="212"/>
                  </a:cxn>
                  <a:cxn ang="0">
                    <a:pos x="42" y="212"/>
                  </a:cxn>
                </a:cxnLst>
                <a:rect l="0" t="0" r="r" b="b"/>
                <a:pathLst>
                  <a:path w="42" h="212">
                    <a:moveTo>
                      <a:pt x="42" y="212"/>
                    </a:moveTo>
                    <a:lnTo>
                      <a:pt x="37" y="0"/>
                    </a:lnTo>
                    <a:lnTo>
                      <a:pt x="0" y="2"/>
                    </a:lnTo>
                    <a:lnTo>
                      <a:pt x="5" y="212"/>
                    </a:lnTo>
                    <a:lnTo>
                      <a:pt x="42" y="212"/>
                    </a:lnTo>
                    <a:close/>
                  </a:path>
                </a:pathLst>
              </a:custGeom>
              <a:solidFill>
                <a:srgbClr val="9EE8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8" name="Rectangle 1221"/>
              <p:cNvSpPr>
                <a:spLocks noChangeArrowheads="1"/>
              </p:cNvSpPr>
              <p:nvPr/>
            </p:nvSpPr>
            <p:spPr bwMode="auto">
              <a:xfrm>
                <a:off x="627062" y="2703390"/>
                <a:ext cx="1344027" cy="1253120"/>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pPr marL="0" marR="0" lvl="0" indent="0" defTabSz="914400" rtl="0" eaLnBrk="1" fontAlgn="base" latinLnBrk="0" hangingPunct="1">
                  <a:lnSpc>
                    <a:spcPct val="100000"/>
                  </a:lnSpc>
                  <a:spcBef>
                    <a:spcPct val="0"/>
                  </a:spcBef>
                  <a:spcAft>
                    <a:spcPct val="0"/>
                  </a:spcAft>
                  <a:buClrTx/>
                  <a:buSzTx/>
                  <a:buFontTx/>
                  <a:buNone/>
                  <a:tabLst/>
                </a:pPr>
                <a:r>
                  <a:rPr kumimoji="0" lang="en-US" sz="1800" b="0" i="0" u="none" strike="noStrike" cap="none" normalizeH="0" baseline="0" dirty="0" err="1" smtClean="0">
                    <a:ln>
                      <a:noFill/>
                    </a:ln>
                    <a:solidFill>
                      <a:schemeClr val="tx1"/>
                    </a:solidFill>
                    <a:effectLst/>
                    <a:latin typeface="Arial" pitchFamily="34" charset="0"/>
                    <a:cs typeface="Arial" pitchFamily="34" charset="0"/>
                  </a:rPr>
                  <a:t>iGate</a:t>
                </a:r>
                <a:endParaRPr kumimoji="0" lang="en-US"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99" name="Freeform 1218"/>
              <p:cNvSpPr>
                <a:spLocks noEditPoints="1"/>
              </p:cNvSpPr>
              <p:nvPr/>
            </p:nvSpPr>
            <p:spPr bwMode="auto">
              <a:xfrm>
                <a:off x="1947973" y="3485146"/>
                <a:ext cx="1730394" cy="110619"/>
              </a:xfrm>
              <a:custGeom>
                <a:avLst/>
                <a:gdLst/>
                <a:ahLst/>
                <a:cxnLst>
                  <a:cxn ang="0">
                    <a:pos x="1048" y="51"/>
                  </a:cxn>
                  <a:cxn ang="0">
                    <a:pos x="72" y="51"/>
                  </a:cxn>
                  <a:cxn ang="0">
                    <a:pos x="68" y="49"/>
                  </a:cxn>
                  <a:cxn ang="0">
                    <a:pos x="66" y="47"/>
                  </a:cxn>
                  <a:cxn ang="0">
                    <a:pos x="65" y="46"/>
                  </a:cxn>
                  <a:cxn ang="0">
                    <a:pos x="65" y="42"/>
                  </a:cxn>
                  <a:cxn ang="0">
                    <a:pos x="65" y="40"/>
                  </a:cxn>
                  <a:cxn ang="0">
                    <a:pos x="66" y="37"/>
                  </a:cxn>
                  <a:cxn ang="0">
                    <a:pos x="68" y="35"/>
                  </a:cxn>
                  <a:cxn ang="0">
                    <a:pos x="72" y="35"/>
                  </a:cxn>
                  <a:cxn ang="0">
                    <a:pos x="1048" y="35"/>
                  </a:cxn>
                  <a:cxn ang="0">
                    <a:pos x="1050" y="35"/>
                  </a:cxn>
                  <a:cxn ang="0">
                    <a:pos x="1053" y="37"/>
                  </a:cxn>
                  <a:cxn ang="0">
                    <a:pos x="1053" y="40"/>
                  </a:cxn>
                  <a:cxn ang="0">
                    <a:pos x="1055" y="42"/>
                  </a:cxn>
                  <a:cxn ang="0">
                    <a:pos x="1053" y="46"/>
                  </a:cxn>
                  <a:cxn ang="0">
                    <a:pos x="1053" y="47"/>
                  </a:cxn>
                  <a:cxn ang="0">
                    <a:pos x="1050" y="49"/>
                  </a:cxn>
                  <a:cxn ang="0">
                    <a:pos x="1048" y="51"/>
                  </a:cxn>
                  <a:cxn ang="0">
                    <a:pos x="1048" y="51"/>
                  </a:cxn>
                  <a:cxn ang="0">
                    <a:pos x="85" y="85"/>
                  </a:cxn>
                  <a:cxn ang="0">
                    <a:pos x="0" y="42"/>
                  </a:cxn>
                  <a:cxn ang="0">
                    <a:pos x="85" y="0"/>
                  </a:cxn>
                  <a:cxn ang="0">
                    <a:pos x="85" y="85"/>
                  </a:cxn>
                </a:cxnLst>
                <a:rect l="0" t="0" r="r" b="b"/>
                <a:pathLst>
                  <a:path w="1055" h="85">
                    <a:moveTo>
                      <a:pt x="1048" y="51"/>
                    </a:moveTo>
                    <a:lnTo>
                      <a:pt x="72" y="51"/>
                    </a:lnTo>
                    <a:lnTo>
                      <a:pt x="68" y="49"/>
                    </a:lnTo>
                    <a:lnTo>
                      <a:pt x="66" y="47"/>
                    </a:lnTo>
                    <a:lnTo>
                      <a:pt x="65" y="46"/>
                    </a:lnTo>
                    <a:lnTo>
                      <a:pt x="65" y="42"/>
                    </a:lnTo>
                    <a:lnTo>
                      <a:pt x="65" y="40"/>
                    </a:lnTo>
                    <a:lnTo>
                      <a:pt x="66" y="37"/>
                    </a:lnTo>
                    <a:lnTo>
                      <a:pt x="68" y="35"/>
                    </a:lnTo>
                    <a:lnTo>
                      <a:pt x="72" y="35"/>
                    </a:lnTo>
                    <a:lnTo>
                      <a:pt x="1048" y="35"/>
                    </a:lnTo>
                    <a:lnTo>
                      <a:pt x="1050" y="35"/>
                    </a:lnTo>
                    <a:lnTo>
                      <a:pt x="1053" y="37"/>
                    </a:lnTo>
                    <a:lnTo>
                      <a:pt x="1053" y="40"/>
                    </a:lnTo>
                    <a:lnTo>
                      <a:pt x="1055" y="42"/>
                    </a:lnTo>
                    <a:lnTo>
                      <a:pt x="1053" y="46"/>
                    </a:lnTo>
                    <a:lnTo>
                      <a:pt x="1053" y="47"/>
                    </a:lnTo>
                    <a:lnTo>
                      <a:pt x="1050" y="49"/>
                    </a:lnTo>
                    <a:lnTo>
                      <a:pt x="1048" y="51"/>
                    </a:lnTo>
                    <a:close/>
                    <a:moveTo>
                      <a:pt x="85" y="85"/>
                    </a:moveTo>
                    <a:lnTo>
                      <a:pt x="0" y="42"/>
                    </a:lnTo>
                    <a:lnTo>
                      <a:pt x="85" y="0"/>
                    </a:lnTo>
                    <a:lnTo>
                      <a:pt x="85"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0" name="Freeform 1206"/>
              <p:cNvSpPr>
                <a:spLocks/>
              </p:cNvSpPr>
              <p:nvPr/>
            </p:nvSpPr>
            <p:spPr bwMode="auto">
              <a:xfrm>
                <a:off x="6633080" y="1145452"/>
                <a:ext cx="1638755" cy="1097099"/>
              </a:xfrm>
              <a:custGeom>
                <a:avLst/>
                <a:gdLst/>
                <a:ahLst/>
                <a:cxnLst>
                  <a:cxn ang="0">
                    <a:pos x="1623" y="402"/>
                  </a:cxn>
                  <a:cxn ang="0">
                    <a:pos x="1683" y="465"/>
                  </a:cxn>
                  <a:cxn ang="0">
                    <a:pos x="1702" y="545"/>
                  </a:cxn>
                  <a:cxn ang="0">
                    <a:pos x="1685" y="605"/>
                  </a:cxn>
                  <a:cxn ang="0">
                    <a:pos x="1645" y="653"/>
                  </a:cxn>
                  <a:cxn ang="0">
                    <a:pos x="1639" y="692"/>
                  </a:cxn>
                  <a:cxn ang="0">
                    <a:pos x="1664" y="776"/>
                  </a:cxn>
                  <a:cxn ang="0">
                    <a:pos x="1651" y="837"/>
                  </a:cxn>
                  <a:cxn ang="0">
                    <a:pos x="1589" y="905"/>
                  </a:cxn>
                  <a:cxn ang="0">
                    <a:pos x="1494" y="933"/>
                  </a:cxn>
                  <a:cxn ang="0">
                    <a:pos x="1439" y="977"/>
                  </a:cxn>
                  <a:cxn ang="0">
                    <a:pos x="1345" y="1043"/>
                  </a:cxn>
                  <a:cxn ang="0">
                    <a:pos x="1229" y="1071"/>
                  </a:cxn>
                  <a:cxn ang="0">
                    <a:pos x="1108" y="1057"/>
                  </a:cxn>
                  <a:cxn ang="0">
                    <a:pos x="1033" y="1057"/>
                  </a:cxn>
                  <a:cxn ang="0">
                    <a:pos x="958" y="1112"/>
                  </a:cxn>
                  <a:cxn ang="0">
                    <a:pos x="866" y="1139"/>
                  </a:cxn>
                  <a:cxn ang="0">
                    <a:pos x="749" y="1127"/>
                  </a:cxn>
                  <a:cxn ang="0">
                    <a:pos x="643" y="1067"/>
                  </a:cxn>
                  <a:cxn ang="0">
                    <a:pos x="578" y="968"/>
                  </a:cxn>
                  <a:cxn ang="0">
                    <a:pos x="505" y="996"/>
                  </a:cxn>
                  <a:cxn ang="0">
                    <a:pos x="423" y="997"/>
                  </a:cxn>
                  <a:cxn ang="0">
                    <a:pos x="358" y="980"/>
                  </a:cxn>
                  <a:cxn ang="0">
                    <a:pos x="270" y="910"/>
                  </a:cxn>
                  <a:cxn ang="0">
                    <a:pos x="241" y="856"/>
                  </a:cxn>
                  <a:cxn ang="0">
                    <a:pos x="231" y="794"/>
                  </a:cxn>
                  <a:cxn ang="0">
                    <a:pos x="171" y="781"/>
                  </a:cxn>
                  <a:cxn ang="0">
                    <a:pos x="82" y="728"/>
                  </a:cxn>
                  <a:cxn ang="0">
                    <a:pos x="28" y="660"/>
                  </a:cxn>
                  <a:cxn ang="0">
                    <a:pos x="5" y="598"/>
                  </a:cxn>
                  <a:cxn ang="0">
                    <a:pos x="2" y="534"/>
                  </a:cxn>
                  <a:cxn ang="0">
                    <a:pos x="16" y="476"/>
                  </a:cxn>
                  <a:cxn ang="0">
                    <a:pos x="53" y="395"/>
                  </a:cxn>
                  <a:cxn ang="0">
                    <a:pos x="40" y="339"/>
                  </a:cxn>
                  <a:cxn ang="0">
                    <a:pos x="57" y="252"/>
                  </a:cxn>
                  <a:cxn ang="0">
                    <a:pos x="118" y="179"/>
                  </a:cxn>
                  <a:cxn ang="0">
                    <a:pos x="195" y="143"/>
                  </a:cxn>
                  <a:cxn ang="0">
                    <a:pos x="236" y="61"/>
                  </a:cxn>
                  <a:cxn ang="0">
                    <a:pos x="316" y="12"/>
                  </a:cxn>
                  <a:cxn ang="0">
                    <a:pos x="403" y="2"/>
                  </a:cxn>
                  <a:cxn ang="0">
                    <a:pos x="462" y="17"/>
                  </a:cxn>
                  <a:cxn ang="0">
                    <a:pos x="529" y="61"/>
                  </a:cxn>
                  <a:cxn ang="0">
                    <a:pos x="571" y="25"/>
                  </a:cxn>
                  <a:cxn ang="0">
                    <a:pos x="624" y="5"/>
                  </a:cxn>
                  <a:cxn ang="0">
                    <a:pos x="689" y="2"/>
                  </a:cxn>
                  <a:cxn ang="0">
                    <a:pos x="756" y="24"/>
                  </a:cxn>
                  <a:cxn ang="0">
                    <a:pos x="807" y="68"/>
                  </a:cxn>
                  <a:cxn ang="0">
                    <a:pos x="866" y="56"/>
                  </a:cxn>
                  <a:cxn ang="0">
                    <a:pos x="935" y="36"/>
                  </a:cxn>
                  <a:cxn ang="0">
                    <a:pos x="1008" y="39"/>
                  </a:cxn>
                  <a:cxn ang="0">
                    <a:pos x="1085" y="68"/>
                  </a:cxn>
                  <a:cxn ang="0">
                    <a:pos x="1143" y="124"/>
                  </a:cxn>
                  <a:cxn ang="0">
                    <a:pos x="1216" y="112"/>
                  </a:cxn>
                  <a:cxn ang="0">
                    <a:pos x="1313" y="106"/>
                  </a:cxn>
                  <a:cxn ang="0">
                    <a:pos x="1390" y="123"/>
                  </a:cxn>
                  <a:cxn ang="0">
                    <a:pos x="1455" y="160"/>
                  </a:cxn>
                  <a:cxn ang="0">
                    <a:pos x="1506" y="211"/>
                  </a:cxn>
                  <a:cxn ang="0">
                    <a:pos x="1540" y="274"/>
                  </a:cxn>
                  <a:cxn ang="0">
                    <a:pos x="1552" y="348"/>
                  </a:cxn>
                </a:cxnLst>
                <a:rect l="0" t="0" r="r" b="b"/>
                <a:pathLst>
                  <a:path w="1702" h="1141">
                    <a:moveTo>
                      <a:pt x="1548" y="380"/>
                    </a:moveTo>
                    <a:lnTo>
                      <a:pt x="1564" y="382"/>
                    </a:lnTo>
                    <a:lnTo>
                      <a:pt x="1581" y="385"/>
                    </a:lnTo>
                    <a:lnTo>
                      <a:pt x="1594" y="390"/>
                    </a:lnTo>
                    <a:lnTo>
                      <a:pt x="1610" y="395"/>
                    </a:lnTo>
                    <a:lnTo>
                      <a:pt x="1623" y="402"/>
                    </a:lnTo>
                    <a:lnTo>
                      <a:pt x="1635" y="411"/>
                    </a:lnTo>
                    <a:lnTo>
                      <a:pt x="1647" y="421"/>
                    </a:lnTo>
                    <a:lnTo>
                      <a:pt x="1657" y="430"/>
                    </a:lnTo>
                    <a:lnTo>
                      <a:pt x="1668" y="441"/>
                    </a:lnTo>
                    <a:lnTo>
                      <a:pt x="1676" y="453"/>
                    </a:lnTo>
                    <a:lnTo>
                      <a:pt x="1683" y="465"/>
                    </a:lnTo>
                    <a:lnTo>
                      <a:pt x="1690" y="479"/>
                    </a:lnTo>
                    <a:lnTo>
                      <a:pt x="1695" y="493"/>
                    </a:lnTo>
                    <a:lnTo>
                      <a:pt x="1698" y="506"/>
                    </a:lnTo>
                    <a:lnTo>
                      <a:pt x="1702" y="520"/>
                    </a:lnTo>
                    <a:lnTo>
                      <a:pt x="1702" y="535"/>
                    </a:lnTo>
                    <a:lnTo>
                      <a:pt x="1702" y="545"/>
                    </a:lnTo>
                    <a:lnTo>
                      <a:pt x="1700" y="556"/>
                    </a:lnTo>
                    <a:lnTo>
                      <a:pt x="1698" y="566"/>
                    </a:lnTo>
                    <a:lnTo>
                      <a:pt x="1697" y="576"/>
                    </a:lnTo>
                    <a:lnTo>
                      <a:pt x="1693" y="586"/>
                    </a:lnTo>
                    <a:lnTo>
                      <a:pt x="1690" y="595"/>
                    </a:lnTo>
                    <a:lnTo>
                      <a:pt x="1685" y="605"/>
                    </a:lnTo>
                    <a:lnTo>
                      <a:pt x="1680" y="614"/>
                    </a:lnTo>
                    <a:lnTo>
                      <a:pt x="1674" y="622"/>
                    </a:lnTo>
                    <a:lnTo>
                      <a:pt x="1668" y="631"/>
                    </a:lnTo>
                    <a:lnTo>
                      <a:pt x="1661" y="638"/>
                    </a:lnTo>
                    <a:lnTo>
                      <a:pt x="1652" y="646"/>
                    </a:lnTo>
                    <a:lnTo>
                      <a:pt x="1645" y="653"/>
                    </a:lnTo>
                    <a:lnTo>
                      <a:pt x="1635" y="660"/>
                    </a:lnTo>
                    <a:lnTo>
                      <a:pt x="1627" y="665"/>
                    </a:lnTo>
                    <a:lnTo>
                      <a:pt x="1618" y="672"/>
                    </a:lnTo>
                    <a:lnTo>
                      <a:pt x="1618" y="670"/>
                    </a:lnTo>
                    <a:lnTo>
                      <a:pt x="1628" y="680"/>
                    </a:lnTo>
                    <a:lnTo>
                      <a:pt x="1639" y="692"/>
                    </a:lnTo>
                    <a:lnTo>
                      <a:pt x="1645" y="706"/>
                    </a:lnTo>
                    <a:lnTo>
                      <a:pt x="1652" y="718"/>
                    </a:lnTo>
                    <a:lnTo>
                      <a:pt x="1657" y="733"/>
                    </a:lnTo>
                    <a:lnTo>
                      <a:pt x="1661" y="747"/>
                    </a:lnTo>
                    <a:lnTo>
                      <a:pt x="1664" y="760"/>
                    </a:lnTo>
                    <a:lnTo>
                      <a:pt x="1664" y="776"/>
                    </a:lnTo>
                    <a:lnTo>
                      <a:pt x="1664" y="784"/>
                    </a:lnTo>
                    <a:lnTo>
                      <a:pt x="1664" y="791"/>
                    </a:lnTo>
                    <a:lnTo>
                      <a:pt x="1662" y="800"/>
                    </a:lnTo>
                    <a:lnTo>
                      <a:pt x="1661" y="808"/>
                    </a:lnTo>
                    <a:lnTo>
                      <a:pt x="1657" y="822"/>
                    </a:lnTo>
                    <a:lnTo>
                      <a:pt x="1651" y="837"/>
                    </a:lnTo>
                    <a:lnTo>
                      <a:pt x="1644" y="851"/>
                    </a:lnTo>
                    <a:lnTo>
                      <a:pt x="1635" y="863"/>
                    </a:lnTo>
                    <a:lnTo>
                      <a:pt x="1625" y="875"/>
                    </a:lnTo>
                    <a:lnTo>
                      <a:pt x="1615" y="886"/>
                    </a:lnTo>
                    <a:lnTo>
                      <a:pt x="1603" y="897"/>
                    </a:lnTo>
                    <a:lnTo>
                      <a:pt x="1589" y="905"/>
                    </a:lnTo>
                    <a:lnTo>
                      <a:pt x="1574" y="914"/>
                    </a:lnTo>
                    <a:lnTo>
                      <a:pt x="1560" y="921"/>
                    </a:lnTo>
                    <a:lnTo>
                      <a:pt x="1543" y="926"/>
                    </a:lnTo>
                    <a:lnTo>
                      <a:pt x="1528" y="929"/>
                    </a:lnTo>
                    <a:lnTo>
                      <a:pt x="1511" y="931"/>
                    </a:lnTo>
                    <a:lnTo>
                      <a:pt x="1494" y="933"/>
                    </a:lnTo>
                    <a:lnTo>
                      <a:pt x="1483" y="933"/>
                    </a:lnTo>
                    <a:lnTo>
                      <a:pt x="1473" y="931"/>
                    </a:lnTo>
                    <a:lnTo>
                      <a:pt x="1473" y="933"/>
                    </a:lnTo>
                    <a:lnTo>
                      <a:pt x="1463" y="948"/>
                    </a:lnTo>
                    <a:lnTo>
                      <a:pt x="1451" y="963"/>
                    </a:lnTo>
                    <a:lnTo>
                      <a:pt x="1439" y="977"/>
                    </a:lnTo>
                    <a:lnTo>
                      <a:pt x="1426" y="990"/>
                    </a:lnTo>
                    <a:lnTo>
                      <a:pt x="1410" y="1002"/>
                    </a:lnTo>
                    <a:lnTo>
                      <a:pt x="1395" y="1014"/>
                    </a:lnTo>
                    <a:lnTo>
                      <a:pt x="1379" y="1025"/>
                    </a:lnTo>
                    <a:lnTo>
                      <a:pt x="1362" y="1035"/>
                    </a:lnTo>
                    <a:lnTo>
                      <a:pt x="1345" y="1043"/>
                    </a:lnTo>
                    <a:lnTo>
                      <a:pt x="1327" y="1050"/>
                    </a:lnTo>
                    <a:lnTo>
                      <a:pt x="1308" y="1057"/>
                    </a:lnTo>
                    <a:lnTo>
                      <a:pt x="1289" y="1062"/>
                    </a:lnTo>
                    <a:lnTo>
                      <a:pt x="1270" y="1067"/>
                    </a:lnTo>
                    <a:lnTo>
                      <a:pt x="1250" y="1069"/>
                    </a:lnTo>
                    <a:lnTo>
                      <a:pt x="1229" y="1071"/>
                    </a:lnTo>
                    <a:lnTo>
                      <a:pt x="1211" y="1072"/>
                    </a:lnTo>
                    <a:lnTo>
                      <a:pt x="1189" y="1071"/>
                    </a:lnTo>
                    <a:lnTo>
                      <a:pt x="1168" y="1069"/>
                    </a:lnTo>
                    <a:lnTo>
                      <a:pt x="1149" y="1066"/>
                    </a:lnTo>
                    <a:lnTo>
                      <a:pt x="1129" y="1062"/>
                    </a:lnTo>
                    <a:lnTo>
                      <a:pt x="1108" y="1057"/>
                    </a:lnTo>
                    <a:lnTo>
                      <a:pt x="1090" y="1050"/>
                    </a:lnTo>
                    <a:lnTo>
                      <a:pt x="1071" y="1042"/>
                    </a:lnTo>
                    <a:lnTo>
                      <a:pt x="1054" y="1033"/>
                    </a:lnTo>
                    <a:lnTo>
                      <a:pt x="1044" y="1045"/>
                    </a:lnTo>
                    <a:lnTo>
                      <a:pt x="1033" y="1057"/>
                    </a:lnTo>
                    <a:lnTo>
                      <a:pt x="1023" y="1067"/>
                    </a:lnTo>
                    <a:lnTo>
                      <a:pt x="1011" y="1077"/>
                    </a:lnTo>
                    <a:lnTo>
                      <a:pt x="999" y="1088"/>
                    </a:lnTo>
                    <a:lnTo>
                      <a:pt x="986" y="1096"/>
                    </a:lnTo>
                    <a:lnTo>
                      <a:pt x="972" y="1105"/>
                    </a:lnTo>
                    <a:lnTo>
                      <a:pt x="958" y="1112"/>
                    </a:lnTo>
                    <a:lnTo>
                      <a:pt x="943" y="1118"/>
                    </a:lnTo>
                    <a:lnTo>
                      <a:pt x="929" y="1123"/>
                    </a:lnTo>
                    <a:lnTo>
                      <a:pt x="914" y="1129"/>
                    </a:lnTo>
                    <a:lnTo>
                      <a:pt x="897" y="1132"/>
                    </a:lnTo>
                    <a:lnTo>
                      <a:pt x="882" y="1135"/>
                    </a:lnTo>
                    <a:lnTo>
                      <a:pt x="866" y="1139"/>
                    </a:lnTo>
                    <a:lnTo>
                      <a:pt x="849" y="1139"/>
                    </a:lnTo>
                    <a:lnTo>
                      <a:pt x="832" y="1141"/>
                    </a:lnTo>
                    <a:lnTo>
                      <a:pt x="810" y="1139"/>
                    </a:lnTo>
                    <a:lnTo>
                      <a:pt x="790" y="1137"/>
                    </a:lnTo>
                    <a:lnTo>
                      <a:pt x="769" y="1134"/>
                    </a:lnTo>
                    <a:lnTo>
                      <a:pt x="749" y="1127"/>
                    </a:lnTo>
                    <a:lnTo>
                      <a:pt x="728" y="1120"/>
                    </a:lnTo>
                    <a:lnTo>
                      <a:pt x="710" y="1113"/>
                    </a:lnTo>
                    <a:lnTo>
                      <a:pt x="691" y="1103"/>
                    </a:lnTo>
                    <a:lnTo>
                      <a:pt x="674" y="1093"/>
                    </a:lnTo>
                    <a:lnTo>
                      <a:pt x="658" y="1081"/>
                    </a:lnTo>
                    <a:lnTo>
                      <a:pt x="643" y="1067"/>
                    </a:lnTo>
                    <a:lnTo>
                      <a:pt x="629" y="1054"/>
                    </a:lnTo>
                    <a:lnTo>
                      <a:pt x="616" y="1038"/>
                    </a:lnTo>
                    <a:lnTo>
                      <a:pt x="604" y="1021"/>
                    </a:lnTo>
                    <a:lnTo>
                      <a:pt x="594" y="1004"/>
                    </a:lnTo>
                    <a:lnTo>
                      <a:pt x="585" y="987"/>
                    </a:lnTo>
                    <a:lnTo>
                      <a:pt x="578" y="968"/>
                    </a:lnTo>
                    <a:lnTo>
                      <a:pt x="565" y="977"/>
                    </a:lnTo>
                    <a:lnTo>
                      <a:pt x="549" y="982"/>
                    </a:lnTo>
                    <a:lnTo>
                      <a:pt x="536" y="989"/>
                    </a:lnTo>
                    <a:lnTo>
                      <a:pt x="520" y="992"/>
                    </a:lnTo>
                    <a:lnTo>
                      <a:pt x="505" y="996"/>
                    </a:lnTo>
                    <a:lnTo>
                      <a:pt x="490" y="999"/>
                    </a:lnTo>
                    <a:lnTo>
                      <a:pt x="473" y="999"/>
                    </a:lnTo>
                    <a:lnTo>
                      <a:pt x="457" y="1001"/>
                    </a:lnTo>
                    <a:lnTo>
                      <a:pt x="445" y="1001"/>
                    </a:lnTo>
                    <a:lnTo>
                      <a:pt x="433" y="999"/>
                    </a:lnTo>
                    <a:lnTo>
                      <a:pt x="423" y="997"/>
                    </a:lnTo>
                    <a:lnTo>
                      <a:pt x="411" y="996"/>
                    </a:lnTo>
                    <a:lnTo>
                      <a:pt x="401" y="994"/>
                    </a:lnTo>
                    <a:lnTo>
                      <a:pt x="391" y="990"/>
                    </a:lnTo>
                    <a:lnTo>
                      <a:pt x="379" y="987"/>
                    </a:lnTo>
                    <a:lnTo>
                      <a:pt x="369" y="984"/>
                    </a:lnTo>
                    <a:lnTo>
                      <a:pt x="358" y="980"/>
                    </a:lnTo>
                    <a:lnTo>
                      <a:pt x="350" y="975"/>
                    </a:lnTo>
                    <a:lnTo>
                      <a:pt x="331" y="965"/>
                    </a:lnTo>
                    <a:lnTo>
                      <a:pt x="312" y="953"/>
                    </a:lnTo>
                    <a:lnTo>
                      <a:pt x="297" y="941"/>
                    </a:lnTo>
                    <a:lnTo>
                      <a:pt x="282" y="926"/>
                    </a:lnTo>
                    <a:lnTo>
                      <a:pt x="270" y="910"/>
                    </a:lnTo>
                    <a:lnTo>
                      <a:pt x="263" y="902"/>
                    </a:lnTo>
                    <a:lnTo>
                      <a:pt x="258" y="893"/>
                    </a:lnTo>
                    <a:lnTo>
                      <a:pt x="253" y="885"/>
                    </a:lnTo>
                    <a:lnTo>
                      <a:pt x="248" y="875"/>
                    </a:lnTo>
                    <a:lnTo>
                      <a:pt x="244" y="866"/>
                    </a:lnTo>
                    <a:lnTo>
                      <a:pt x="241" y="856"/>
                    </a:lnTo>
                    <a:lnTo>
                      <a:pt x="237" y="846"/>
                    </a:lnTo>
                    <a:lnTo>
                      <a:pt x="234" y="835"/>
                    </a:lnTo>
                    <a:lnTo>
                      <a:pt x="232" y="825"/>
                    </a:lnTo>
                    <a:lnTo>
                      <a:pt x="231" y="815"/>
                    </a:lnTo>
                    <a:lnTo>
                      <a:pt x="231" y="805"/>
                    </a:lnTo>
                    <a:lnTo>
                      <a:pt x="231" y="794"/>
                    </a:lnTo>
                    <a:lnTo>
                      <a:pt x="219" y="793"/>
                    </a:lnTo>
                    <a:lnTo>
                      <a:pt x="207" y="789"/>
                    </a:lnTo>
                    <a:lnTo>
                      <a:pt x="195" y="788"/>
                    </a:lnTo>
                    <a:lnTo>
                      <a:pt x="183" y="784"/>
                    </a:lnTo>
                    <a:lnTo>
                      <a:pt x="171" y="781"/>
                    </a:lnTo>
                    <a:lnTo>
                      <a:pt x="161" y="776"/>
                    </a:lnTo>
                    <a:lnTo>
                      <a:pt x="149" y="771"/>
                    </a:lnTo>
                    <a:lnTo>
                      <a:pt x="138" y="765"/>
                    </a:lnTo>
                    <a:lnTo>
                      <a:pt x="118" y="755"/>
                    </a:lnTo>
                    <a:lnTo>
                      <a:pt x="99" y="742"/>
                    </a:lnTo>
                    <a:lnTo>
                      <a:pt x="82" y="728"/>
                    </a:lnTo>
                    <a:lnTo>
                      <a:pt x="67" y="713"/>
                    </a:lnTo>
                    <a:lnTo>
                      <a:pt x="52" y="696"/>
                    </a:lnTo>
                    <a:lnTo>
                      <a:pt x="45" y="687"/>
                    </a:lnTo>
                    <a:lnTo>
                      <a:pt x="40" y="678"/>
                    </a:lnTo>
                    <a:lnTo>
                      <a:pt x="33" y="668"/>
                    </a:lnTo>
                    <a:lnTo>
                      <a:pt x="28" y="660"/>
                    </a:lnTo>
                    <a:lnTo>
                      <a:pt x="23" y="649"/>
                    </a:lnTo>
                    <a:lnTo>
                      <a:pt x="17" y="639"/>
                    </a:lnTo>
                    <a:lnTo>
                      <a:pt x="14" y="629"/>
                    </a:lnTo>
                    <a:lnTo>
                      <a:pt x="11" y="619"/>
                    </a:lnTo>
                    <a:lnTo>
                      <a:pt x="7" y="609"/>
                    </a:lnTo>
                    <a:lnTo>
                      <a:pt x="5" y="598"/>
                    </a:lnTo>
                    <a:lnTo>
                      <a:pt x="4" y="586"/>
                    </a:lnTo>
                    <a:lnTo>
                      <a:pt x="2" y="576"/>
                    </a:lnTo>
                    <a:lnTo>
                      <a:pt x="0" y="564"/>
                    </a:lnTo>
                    <a:lnTo>
                      <a:pt x="0" y="554"/>
                    </a:lnTo>
                    <a:lnTo>
                      <a:pt x="0" y="544"/>
                    </a:lnTo>
                    <a:lnTo>
                      <a:pt x="2" y="534"/>
                    </a:lnTo>
                    <a:lnTo>
                      <a:pt x="2" y="523"/>
                    </a:lnTo>
                    <a:lnTo>
                      <a:pt x="4" y="513"/>
                    </a:lnTo>
                    <a:lnTo>
                      <a:pt x="7" y="503"/>
                    </a:lnTo>
                    <a:lnTo>
                      <a:pt x="9" y="494"/>
                    </a:lnTo>
                    <a:lnTo>
                      <a:pt x="12" y="484"/>
                    </a:lnTo>
                    <a:lnTo>
                      <a:pt x="16" y="476"/>
                    </a:lnTo>
                    <a:lnTo>
                      <a:pt x="23" y="457"/>
                    </a:lnTo>
                    <a:lnTo>
                      <a:pt x="33" y="438"/>
                    </a:lnTo>
                    <a:lnTo>
                      <a:pt x="43" y="421"/>
                    </a:lnTo>
                    <a:lnTo>
                      <a:pt x="57" y="406"/>
                    </a:lnTo>
                    <a:lnTo>
                      <a:pt x="53" y="395"/>
                    </a:lnTo>
                    <a:lnTo>
                      <a:pt x="50" y="387"/>
                    </a:lnTo>
                    <a:lnTo>
                      <a:pt x="46" y="377"/>
                    </a:lnTo>
                    <a:lnTo>
                      <a:pt x="45" y="368"/>
                    </a:lnTo>
                    <a:lnTo>
                      <a:pt x="41" y="358"/>
                    </a:lnTo>
                    <a:lnTo>
                      <a:pt x="41" y="348"/>
                    </a:lnTo>
                    <a:lnTo>
                      <a:pt x="40" y="339"/>
                    </a:lnTo>
                    <a:lnTo>
                      <a:pt x="40" y="329"/>
                    </a:lnTo>
                    <a:lnTo>
                      <a:pt x="40" y="314"/>
                    </a:lnTo>
                    <a:lnTo>
                      <a:pt x="43" y="297"/>
                    </a:lnTo>
                    <a:lnTo>
                      <a:pt x="46" y="281"/>
                    </a:lnTo>
                    <a:lnTo>
                      <a:pt x="52" y="268"/>
                    </a:lnTo>
                    <a:lnTo>
                      <a:pt x="57" y="252"/>
                    </a:lnTo>
                    <a:lnTo>
                      <a:pt x="65" y="239"/>
                    </a:lnTo>
                    <a:lnTo>
                      <a:pt x="74" y="225"/>
                    </a:lnTo>
                    <a:lnTo>
                      <a:pt x="82" y="213"/>
                    </a:lnTo>
                    <a:lnTo>
                      <a:pt x="94" y="201"/>
                    </a:lnTo>
                    <a:lnTo>
                      <a:pt x="106" y="189"/>
                    </a:lnTo>
                    <a:lnTo>
                      <a:pt x="118" y="179"/>
                    </a:lnTo>
                    <a:lnTo>
                      <a:pt x="132" y="170"/>
                    </a:lnTo>
                    <a:lnTo>
                      <a:pt x="147" y="162"/>
                    </a:lnTo>
                    <a:lnTo>
                      <a:pt x="162" y="155"/>
                    </a:lnTo>
                    <a:lnTo>
                      <a:pt x="178" y="148"/>
                    </a:lnTo>
                    <a:lnTo>
                      <a:pt x="195" y="145"/>
                    </a:lnTo>
                    <a:lnTo>
                      <a:pt x="195" y="143"/>
                    </a:lnTo>
                    <a:lnTo>
                      <a:pt x="198" y="128"/>
                    </a:lnTo>
                    <a:lnTo>
                      <a:pt x="203" y="114"/>
                    </a:lnTo>
                    <a:lnTo>
                      <a:pt x="210" y="99"/>
                    </a:lnTo>
                    <a:lnTo>
                      <a:pt x="217" y="87"/>
                    </a:lnTo>
                    <a:lnTo>
                      <a:pt x="225" y="73"/>
                    </a:lnTo>
                    <a:lnTo>
                      <a:pt x="236" y="61"/>
                    </a:lnTo>
                    <a:lnTo>
                      <a:pt x="248" y="51"/>
                    </a:lnTo>
                    <a:lnTo>
                      <a:pt x="259" y="41"/>
                    </a:lnTo>
                    <a:lnTo>
                      <a:pt x="273" y="32"/>
                    </a:lnTo>
                    <a:lnTo>
                      <a:pt x="287" y="24"/>
                    </a:lnTo>
                    <a:lnTo>
                      <a:pt x="300" y="17"/>
                    </a:lnTo>
                    <a:lnTo>
                      <a:pt x="316" y="12"/>
                    </a:lnTo>
                    <a:lnTo>
                      <a:pt x="331" y="7"/>
                    </a:lnTo>
                    <a:lnTo>
                      <a:pt x="348" y="3"/>
                    </a:lnTo>
                    <a:lnTo>
                      <a:pt x="365" y="2"/>
                    </a:lnTo>
                    <a:lnTo>
                      <a:pt x="382" y="0"/>
                    </a:lnTo>
                    <a:lnTo>
                      <a:pt x="392" y="0"/>
                    </a:lnTo>
                    <a:lnTo>
                      <a:pt x="403" y="2"/>
                    </a:lnTo>
                    <a:lnTo>
                      <a:pt x="413" y="3"/>
                    </a:lnTo>
                    <a:lnTo>
                      <a:pt x="423" y="5"/>
                    </a:lnTo>
                    <a:lnTo>
                      <a:pt x="433" y="7"/>
                    </a:lnTo>
                    <a:lnTo>
                      <a:pt x="444" y="10"/>
                    </a:lnTo>
                    <a:lnTo>
                      <a:pt x="454" y="13"/>
                    </a:lnTo>
                    <a:lnTo>
                      <a:pt x="462" y="17"/>
                    </a:lnTo>
                    <a:lnTo>
                      <a:pt x="473" y="20"/>
                    </a:lnTo>
                    <a:lnTo>
                      <a:pt x="481" y="25"/>
                    </a:lnTo>
                    <a:lnTo>
                      <a:pt x="490" y="31"/>
                    </a:lnTo>
                    <a:lnTo>
                      <a:pt x="498" y="36"/>
                    </a:lnTo>
                    <a:lnTo>
                      <a:pt x="513" y="48"/>
                    </a:lnTo>
                    <a:lnTo>
                      <a:pt x="529" y="61"/>
                    </a:lnTo>
                    <a:lnTo>
                      <a:pt x="527" y="63"/>
                    </a:lnTo>
                    <a:lnTo>
                      <a:pt x="534" y="54"/>
                    </a:lnTo>
                    <a:lnTo>
                      <a:pt x="541" y="48"/>
                    </a:lnTo>
                    <a:lnTo>
                      <a:pt x="554" y="36"/>
                    </a:lnTo>
                    <a:lnTo>
                      <a:pt x="563" y="31"/>
                    </a:lnTo>
                    <a:lnTo>
                      <a:pt x="571" y="25"/>
                    </a:lnTo>
                    <a:lnTo>
                      <a:pt x="580" y="20"/>
                    </a:lnTo>
                    <a:lnTo>
                      <a:pt x="589" y="17"/>
                    </a:lnTo>
                    <a:lnTo>
                      <a:pt x="597" y="13"/>
                    </a:lnTo>
                    <a:lnTo>
                      <a:pt x="606" y="10"/>
                    </a:lnTo>
                    <a:lnTo>
                      <a:pt x="616" y="7"/>
                    </a:lnTo>
                    <a:lnTo>
                      <a:pt x="624" y="5"/>
                    </a:lnTo>
                    <a:lnTo>
                      <a:pt x="635" y="3"/>
                    </a:lnTo>
                    <a:lnTo>
                      <a:pt x="645" y="2"/>
                    </a:lnTo>
                    <a:lnTo>
                      <a:pt x="655" y="0"/>
                    </a:lnTo>
                    <a:lnTo>
                      <a:pt x="665" y="0"/>
                    </a:lnTo>
                    <a:lnTo>
                      <a:pt x="677" y="2"/>
                    </a:lnTo>
                    <a:lnTo>
                      <a:pt x="689" y="2"/>
                    </a:lnTo>
                    <a:lnTo>
                      <a:pt x="701" y="3"/>
                    </a:lnTo>
                    <a:lnTo>
                      <a:pt x="711" y="7"/>
                    </a:lnTo>
                    <a:lnTo>
                      <a:pt x="723" y="10"/>
                    </a:lnTo>
                    <a:lnTo>
                      <a:pt x="733" y="13"/>
                    </a:lnTo>
                    <a:lnTo>
                      <a:pt x="745" y="19"/>
                    </a:lnTo>
                    <a:lnTo>
                      <a:pt x="756" y="24"/>
                    </a:lnTo>
                    <a:lnTo>
                      <a:pt x="764" y="31"/>
                    </a:lnTo>
                    <a:lnTo>
                      <a:pt x="774" y="36"/>
                    </a:lnTo>
                    <a:lnTo>
                      <a:pt x="783" y="44"/>
                    </a:lnTo>
                    <a:lnTo>
                      <a:pt x="791" y="51"/>
                    </a:lnTo>
                    <a:lnTo>
                      <a:pt x="798" y="60"/>
                    </a:lnTo>
                    <a:lnTo>
                      <a:pt x="807" y="68"/>
                    </a:lnTo>
                    <a:lnTo>
                      <a:pt x="812" y="78"/>
                    </a:lnTo>
                    <a:lnTo>
                      <a:pt x="819" y="87"/>
                    </a:lnTo>
                    <a:lnTo>
                      <a:pt x="817" y="90"/>
                    </a:lnTo>
                    <a:lnTo>
                      <a:pt x="832" y="77"/>
                    </a:lnTo>
                    <a:lnTo>
                      <a:pt x="849" y="66"/>
                    </a:lnTo>
                    <a:lnTo>
                      <a:pt x="866" y="56"/>
                    </a:lnTo>
                    <a:lnTo>
                      <a:pt x="885" y="49"/>
                    </a:lnTo>
                    <a:lnTo>
                      <a:pt x="895" y="46"/>
                    </a:lnTo>
                    <a:lnTo>
                      <a:pt x="904" y="42"/>
                    </a:lnTo>
                    <a:lnTo>
                      <a:pt x="914" y="41"/>
                    </a:lnTo>
                    <a:lnTo>
                      <a:pt x="924" y="37"/>
                    </a:lnTo>
                    <a:lnTo>
                      <a:pt x="935" y="36"/>
                    </a:lnTo>
                    <a:lnTo>
                      <a:pt x="945" y="36"/>
                    </a:lnTo>
                    <a:lnTo>
                      <a:pt x="955" y="34"/>
                    </a:lnTo>
                    <a:lnTo>
                      <a:pt x="965" y="34"/>
                    </a:lnTo>
                    <a:lnTo>
                      <a:pt x="979" y="36"/>
                    </a:lnTo>
                    <a:lnTo>
                      <a:pt x="994" y="36"/>
                    </a:lnTo>
                    <a:lnTo>
                      <a:pt x="1008" y="39"/>
                    </a:lnTo>
                    <a:lnTo>
                      <a:pt x="1022" y="41"/>
                    </a:lnTo>
                    <a:lnTo>
                      <a:pt x="1035" y="46"/>
                    </a:lnTo>
                    <a:lnTo>
                      <a:pt x="1049" y="49"/>
                    </a:lnTo>
                    <a:lnTo>
                      <a:pt x="1061" y="56"/>
                    </a:lnTo>
                    <a:lnTo>
                      <a:pt x="1073" y="61"/>
                    </a:lnTo>
                    <a:lnTo>
                      <a:pt x="1085" y="68"/>
                    </a:lnTo>
                    <a:lnTo>
                      <a:pt x="1097" y="77"/>
                    </a:lnTo>
                    <a:lnTo>
                      <a:pt x="1107" y="85"/>
                    </a:lnTo>
                    <a:lnTo>
                      <a:pt x="1117" y="94"/>
                    </a:lnTo>
                    <a:lnTo>
                      <a:pt x="1125" y="104"/>
                    </a:lnTo>
                    <a:lnTo>
                      <a:pt x="1136" y="114"/>
                    </a:lnTo>
                    <a:lnTo>
                      <a:pt x="1143" y="124"/>
                    </a:lnTo>
                    <a:lnTo>
                      <a:pt x="1151" y="136"/>
                    </a:lnTo>
                    <a:lnTo>
                      <a:pt x="1151" y="138"/>
                    </a:lnTo>
                    <a:lnTo>
                      <a:pt x="1166" y="129"/>
                    </a:lnTo>
                    <a:lnTo>
                      <a:pt x="1183" y="123"/>
                    </a:lnTo>
                    <a:lnTo>
                      <a:pt x="1199" y="117"/>
                    </a:lnTo>
                    <a:lnTo>
                      <a:pt x="1216" y="112"/>
                    </a:lnTo>
                    <a:lnTo>
                      <a:pt x="1233" y="109"/>
                    </a:lnTo>
                    <a:lnTo>
                      <a:pt x="1250" y="107"/>
                    </a:lnTo>
                    <a:lnTo>
                      <a:pt x="1267" y="106"/>
                    </a:lnTo>
                    <a:lnTo>
                      <a:pt x="1286" y="104"/>
                    </a:lnTo>
                    <a:lnTo>
                      <a:pt x="1299" y="104"/>
                    </a:lnTo>
                    <a:lnTo>
                      <a:pt x="1313" y="106"/>
                    </a:lnTo>
                    <a:lnTo>
                      <a:pt x="1327" y="107"/>
                    </a:lnTo>
                    <a:lnTo>
                      <a:pt x="1339" y="109"/>
                    </a:lnTo>
                    <a:lnTo>
                      <a:pt x="1352" y="112"/>
                    </a:lnTo>
                    <a:lnTo>
                      <a:pt x="1364" y="116"/>
                    </a:lnTo>
                    <a:lnTo>
                      <a:pt x="1376" y="119"/>
                    </a:lnTo>
                    <a:lnTo>
                      <a:pt x="1390" y="123"/>
                    </a:lnTo>
                    <a:lnTo>
                      <a:pt x="1400" y="128"/>
                    </a:lnTo>
                    <a:lnTo>
                      <a:pt x="1412" y="133"/>
                    </a:lnTo>
                    <a:lnTo>
                      <a:pt x="1424" y="140"/>
                    </a:lnTo>
                    <a:lnTo>
                      <a:pt x="1434" y="146"/>
                    </a:lnTo>
                    <a:lnTo>
                      <a:pt x="1444" y="153"/>
                    </a:lnTo>
                    <a:lnTo>
                      <a:pt x="1455" y="160"/>
                    </a:lnTo>
                    <a:lnTo>
                      <a:pt x="1465" y="167"/>
                    </a:lnTo>
                    <a:lnTo>
                      <a:pt x="1473" y="175"/>
                    </a:lnTo>
                    <a:lnTo>
                      <a:pt x="1482" y="184"/>
                    </a:lnTo>
                    <a:lnTo>
                      <a:pt x="1490" y="193"/>
                    </a:lnTo>
                    <a:lnTo>
                      <a:pt x="1499" y="201"/>
                    </a:lnTo>
                    <a:lnTo>
                      <a:pt x="1506" y="211"/>
                    </a:lnTo>
                    <a:lnTo>
                      <a:pt x="1512" y="222"/>
                    </a:lnTo>
                    <a:lnTo>
                      <a:pt x="1519" y="232"/>
                    </a:lnTo>
                    <a:lnTo>
                      <a:pt x="1524" y="242"/>
                    </a:lnTo>
                    <a:lnTo>
                      <a:pt x="1531" y="252"/>
                    </a:lnTo>
                    <a:lnTo>
                      <a:pt x="1535" y="264"/>
                    </a:lnTo>
                    <a:lnTo>
                      <a:pt x="1540" y="274"/>
                    </a:lnTo>
                    <a:lnTo>
                      <a:pt x="1543" y="286"/>
                    </a:lnTo>
                    <a:lnTo>
                      <a:pt x="1547" y="298"/>
                    </a:lnTo>
                    <a:lnTo>
                      <a:pt x="1548" y="310"/>
                    </a:lnTo>
                    <a:lnTo>
                      <a:pt x="1550" y="322"/>
                    </a:lnTo>
                    <a:lnTo>
                      <a:pt x="1552" y="334"/>
                    </a:lnTo>
                    <a:lnTo>
                      <a:pt x="1552" y="348"/>
                    </a:lnTo>
                    <a:lnTo>
                      <a:pt x="1550" y="363"/>
                    </a:lnTo>
                    <a:lnTo>
                      <a:pt x="1550" y="380"/>
                    </a:lnTo>
                    <a:lnTo>
                      <a:pt x="1548" y="38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1" name="Freeform 1205"/>
              <p:cNvSpPr>
                <a:spLocks/>
              </p:cNvSpPr>
              <p:nvPr/>
            </p:nvSpPr>
            <p:spPr bwMode="auto">
              <a:xfrm>
                <a:off x="8094338" y="1790998"/>
                <a:ext cx="96592" cy="19812"/>
              </a:xfrm>
              <a:custGeom>
                <a:avLst/>
                <a:gdLst/>
                <a:ahLst/>
                <a:cxnLst>
                  <a:cxn ang="0">
                    <a:pos x="100" y="0"/>
                  </a:cxn>
                  <a:cxn ang="0">
                    <a:pos x="90" y="3"/>
                  </a:cxn>
                  <a:cxn ang="0">
                    <a:pos x="80" y="8"/>
                  </a:cxn>
                  <a:cxn ang="0">
                    <a:pos x="68" y="12"/>
                  </a:cxn>
                  <a:cxn ang="0">
                    <a:pos x="58" y="15"/>
                  </a:cxn>
                  <a:cxn ang="0">
                    <a:pos x="47" y="17"/>
                  </a:cxn>
                  <a:cxn ang="0">
                    <a:pos x="35" y="18"/>
                  </a:cxn>
                  <a:cxn ang="0">
                    <a:pos x="23" y="20"/>
                  </a:cxn>
                  <a:cxn ang="0">
                    <a:pos x="13" y="20"/>
                  </a:cxn>
                  <a:cxn ang="0">
                    <a:pos x="6" y="20"/>
                  </a:cxn>
                  <a:cxn ang="0">
                    <a:pos x="0" y="20"/>
                  </a:cxn>
                </a:cxnLst>
                <a:rect l="0" t="0" r="r" b="b"/>
                <a:pathLst>
                  <a:path w="100" h="20">
                    <a:moveTo>
                      <a:pt x="100" y="0"/>
                    </a:moveTo>
                    <a:lnTo>
                      <a:pt x="90" y="3"/>
                    </a:lnTo>
                    <a:lnTo>
                      <a:pt x="80" y="8"/>
                    </a:lnTo>
                    <a:lnTo>
                      <a:pt x="68" y="12"/>
                    </a:lnTo>
                    <a:lnTo>
                      <a:pt x="58" y="15"/>
                    </a:lnTo>
                    <a:lnTo>
                      <a:pt x="47" y="17"/>
                    </a:lnTo>
                    <a:lnTo>
                      <a:pt x="35" y="18"/>
                    </a:lnTo>
                    <a:lnTo>
                      <a:pt x="23" y="20"/>
                    </a:lnTo>
                    <a:lnTo>
                      <a:pt x="13" y="20"/>
                    </a:lnTo>
                    <a:lnTo>
                      <a:pt x="6" y="20"/>
                    </a:lnTo>
                    <a:lnTo>
                      <a:pt x="0" y="2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2" name="Freeform 1204"/>
              <p:cNvSpPr>
                <a:spLocks/>
              </p:cNvSpPr>
              <p:nvPr/>
            </p:nvSpPr>
            <p:spPr bwMode="auto">
              <a:xfrm>
                <a:off x="8008479" y="2030395"/>
                <a:ext cx="42930" cy="9906"/>
              </a:xfrm>
              <a:custGeom>
                <a:avLst/>
                <a:gdLst/>
                <a:ahLst/>
                <a:cxnLst>
                  <a:cxn ang="0">
                    <a:pos x="44" y="10"/>
                  </a:cxn>
                  <a:cxn ang="0">
                    <a:pos x="32" y="8"/>
                  </a:cxn>
                  <a:cxn ang="0">
                    <a:pos x="22" y="6"/>
                  </a:cxn>
                  <a:cxn ang="0">
                    <a:pos x="10" y="3"/>
                  </a:cxn>
                  <a:cxn ang="0">
                    <a:pos x="0" y="0"/>
                  </a:cxn>
                </a:cxnLst>
                <a:rect l="0" t="0" r="r" b="b"/>
                <a:pathLst>
                  <a:path w="44" h="10">
                    <a:moveTo>
                      <a:pt x="44" y="10"/>
                    </a:moveTo>
                    <a:lnTo>
                      <a:pt x="32" y="8"/>
                    </a:lnTo>
                    <a:lnTo>
                      <a:pt x="22" y="6"/>
                    </a:lnTo>
                    <a:lnTo>
                      <a:pt x="10" y="3"/>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3" name="Freeform 1203"/>
              <p:cNvSpPr>
                <a:spLocks/>
              </p:cNvSpPr>
              <p:nvPr/>
            </p:nvSpPr>
            <p:spPr bwMode="auto">
              <a:xfrm>
                <a:off x="7647705" y="2093960"/>
                <a:ext cx="23942" cy="44577"/>
              </a:xfrm>
              <a:custGeom>
                <a:avLst/>
                <a:gdLst/>
                <a:ahLst/>
                <a:cxnLst>
                  <a:cxn ang="0">
                    <a:pos x="25" y="0"/>
                  </a:cxn>
                  <a:cxn ang="0">
                    <a:pos x="20" y="12"/>
                  </a:cxn>
                  <a:cxn ang="0">
                    <a:pos x="14" y="22"/>
                  </a:cxn>
                  <a:cxn ang="0">
                    <a:pos x="7" y="34"/>
                  </a:cxn>
                  <a:cxn ang="0">
                    <a:pos x="0" y="46"/>
                  </a:cxn>
                </a:cxnLst>
                <a:rect l="0" t="0" r="r" b="b"/>
                <a:pathLst>
                  <a:path w="25" h="46">
                    <a:moveTo>
                      <a:pt x="25" y="0"/>
                    </a:moveTo>
                    <a:lnTo>
                      <a:pt x="20" y="12"/>
                    </a:lnTo>
                    <a:lnTo>
                      <a:pt x="14" y="22"/>
                    </a:lnTo>
                    <a:lnTo>
                      <a:pt x="7" y="34"/>
                    </a:lnTo>
                    <a:lnTo>
                      <a:pt x="0" y="46"/>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4" name="Freeform 1202"/>
              <p:cNvSpPr>
                <a:spLocks/>
              </p:cNvSpPr>
              <p:nvPr/>
            </p:nvSpPr>
            <p:spPr bwMode="auto">
              <a:xfrm>
                <a:off x="7179607" y="2027093"/>
                <a:ext cx="9907" cy="48705"/>
              </a:xfrm>
              <a:custGeom>
                <a:avLst/>
                <a:gdLst/>
                <a:ahLst/>
                <a:cxnLst>
                  <a:cxn ang="0">
                    <a:pos x="10" y="51"/>
                  </a:cxn>
                  <a:cxn ang="0">
                    <a:pos x="7" y="38"/>
                  </a:cxn>
                  <a:cxn ang="0">
                    <a:pos x="3" y="26"/>
                  </a:cxn>
                  <a:cxn ang="0">
                    <a:pos x="2" y="14"/>
                  </a:cxn>
                  <a:cxn ang="0">
                    <a:pos x="0" y="0"/>
                  </a:cxn>
                </a:cxnLst>
                <a:rect l="0" t="0" r="r" b="b"/>
                <a:pathLst>
                  <a:path w="10" h="51">
                    <a:moveTo>
                      <a:pt x="10" y="51"/>
                    </a:moveTo>
                    <a:lnTo>
                      <a:pt x="7" y="38"/>
                    </a:lnTo>
                    <a:lnTo>
                      <a:pt x="3" y="26"/>
                    </a:lnTo>
                    <a:lnTo>
                      <a:pt x="2" y="14"/>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5" name="Freeform 1201"/>
              <p:cNvSpPr>
                <a:spLocks/>
              </p:cNvSpPr>
              <p:nvPr/>
            </p:nvSpPr>
            <p:spPr bwMode="auto">
              <a:xfrm>
                <a:off x="6855984" y="1729085"/>
                <a:ext cx="122184" cy="179961"/>
              </a:xfrm>
              <a:custGeom>
                <a:avLst/>
                <a:gdLst/>
                <a:ahLst/>
                <a:cxnLst>
                  <a:cxn ang="0">
                    <a:pos x="0" y="187"/>
                  </a:cxn>
                  <a:cxn ang="0">
                    <a:pos x="0" y="187"/>
                  </a:cxn>
                  <a:cxn ang="0">
                    <a:pos x="0" y="186"/>
                  </a:cxn>
                  <a:cxn ang="0">
                    <a:pos x="0" y="170"/>
                  </a:cxn>
                  <a:cxn ang="0">
                    <a:pos x="1" y="157"/>
                  </a:cxn>
                  <a:cxn ang="0">
                    <a:pos x="5" y="141"/>
                  </a:cxn>
                  <a:cxn ang="0">
                    <a:pos x="8" y="128"/>
                  </a:cxn>
                  <a:cxn ang="0">
                    <a:pos x="13" y="114"/>
                  </a:cxn>
                  <a:cxn ang="0">
                    <a:pos x="18" y="100"/>
                  </a:cxn>
                  <a:cxn ang="0">
                    <a:pos x="25" y="89"/>
                  </a:cxn>
                  <a:cxn ang="0">
                    <a:pos x="34" y="77"/>
                  </a:cxn>
                  <a:cxn ang="0">
                    <a:pos x="42" y="65"/>
                  </a:cxn>
                  <a:cxn ang="0">
                    <a:pos x="52" y="53"/>
                  </a:cxn>
                  <a:cxn ang="0">
                    <a:pos x="63" y="42"/>
                  </a:cxn>
                  <a:cxn ang="0">
                    <a:pos x="73" y="32"/>
                  </a:cxn>
                  <a:cxn ang="0">
                    <a:pos x="86" y="22"/>
                  </a:cxn>
                  <a:cxn ang="0">
                    <a:pos x="98" y="13"/>
                  </a:cxn>
                  <a:cxn ang="0">
                    <a:pos x="112" y="7"/>
                  </a:cxn>
                  <a:cxn ang="0">
                    <a:pos x="127" y="0"/>
                  </a:cxn>
                </a:cxnLst>
                <a:rect l="0" t="0" r="r" b="b"/>
                <a:pathLst>
                  <a:path w="127" h="187">
                    <a:moveTo>
                      <a:pt x="0" y="187"/>
                    </a:moveTo>
                    <a:lnTo>
                      <a:pt x="0" y="187"/>
                    </a:lnTo>
                    <a:lnTo>
                      <a:pt x="0" y="186"/>
                    </a:lnTo>
                    <a:lnTo>
                      <a:pt x="0" y="170"/>
                    </a:lnTo>
                    <a:lnTo>
                      <a:pt x="1" y="157"/>
                    </a:lnTo>
                    <a:lnTo>
                      <a:pt x="5" y="141"/>
                    </a:lnTo>
                    <a:lnTo>
                      <a:pt x="8" y="128"/>
                    </a:lnTo>
                    <a:lnTo>
                      <a:pt x="13" y="114"/>
                    </a:lnTo>
                    <a:lnTo>
                      <a:pt x="18" y="100"/>
                    </a:lnTo>
                    <a:lnTo>
                      <a:pt x="25" y="89"/>
                    </a:lnTo>
                    <a:lnTo>
                      <a:pt x="34" y="77"/>
                    </a:lnTo>
                    <a:lnTo>
                      <a:pt x="42" y="65"/>
                    </a:lnTo>
                    <a:lnTo>
                      <a:pt x="52" y="53"/>
                    </a:lnTo>
                    <a:lnTo>
                      <a:pt x="63" y="42"/>
                    </a:lnTo>
                    <a:lnTo>
                      <a:pt x="73" y="32"/>
                    </a:lnTo>
                    <a:lnTo>
                      <a:pt x="86" y="22"/>
                    </a:lnTo>
                    <a:lnTo>
                      <a:pt x="98" y="13"/>
                    </a:lnTo>
                    <a:lnTo>
                      <a:pt x="112" y="7"/>
                    </a:lnTo>
                    <a:lnTo>
                      <a:pt x="127"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6" name="Freeform 1200"/>
              <p:cNvSpPr>
                <a:spLocks/>
              </p:cNvSpPr>
              <p:nvPr/>
            </p:nvSpPr>
            <p:spPr bwMode="auto">
              <a:xfrm>
                <a:off x="6688393" y="1533440"/>
                <a:ext cx="55313" cy="69343"/>
              </a:xfrm>
              <a:custGeom>
                <a:avLst/>
                <a:gdLst/>
                <a:ahLst/>
                <a:cxnLst>
                  <a:cxn ang="0">
                    <a:pos x="58" y="72"/>
                  </a:cxn>
                  <a:cxn ang="0">
                    <a:pos x="47" y="63"/>
                  </a:cxn>
                  <a:cxn ang="0">
                    <a:pos x="39" y="56"/>
                  </a:cxn>
                  <a:cxn ang="0">
                    <a:pos x="30" y="48"/>
                  </a:cxn>
                  <a:cxn ang="0">
                    <a:pos x="23" y="39"/>
                  </a:cxn>
                  <a:cxn ang="0">
                    <a:pos x="17" y="31"/>
                  </a:cxn>
                  <a:cxn ang="0">
                    <a:pos x="10" y="20"/>
                  </a:cxn>
                  <a:cxn ang="0">
                    <a:pos x="5" y="10"/>
                  </a:cxn>
                  <a:cxn ang="0">
                    <a:pos x="0" y="0"/>
                  </a:cxn>
                </a:cxnLst>
                <a:rect l="0" t="0" r="r" b="b"/>
                <a:pathLst>
                  <a:path w="58" h="72">
                    <a:moveTo>
                      <a:pt x="58" y="72"/>
                    </a:moveTo>
                    <a:lnTo>
                      <a:pt x="47" y="63"/>
                    </a:lnTo>
                    <a:lnTo>
                      <a:pt x="39" y="56"/>
                    </a:lnTo>
                    <a:lnTo>
                      <a:pt x="30" y="48"/>
                    </a:lnTo>
                    <a:lnTo>
                      <a:pt x="23" y="39"/>
                    </a:lnTo>
                    <a:lnTo>
                      <a:pt x="17" y="31"/>
                    </a:lnTo>
                    <a:lnTo>
                      <a:pt x="10" y="20"/>
                    </a:lnTo>
                    <a:lnTo>
                      <a:pt x="5" y="10"/>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7" name="Freeform 1199"/>
              <p:cNvSpPr>
                <a:spLocks/>
              </p:cNvSpPr>
              <p:nvPr/>
            </p:nvSpPr>
            <p:spPr bwMode="auto">
              <a:xfrm>
                <a:off x="6817182" y="1282486"/>
                <a:ext cx="4128" cy="33020"/>
              </a:xfrm>
              <a:custGeom>
                <a:avLst/>
                <a:gdLst/>
                <a:ahLst/>
                <a:cxnLst>
                  <a:cxn ang="0">
                    <a:pos x="0" y="34"/>
                  </a:cxn>
                  <a:cxn ang="0">
                    <a:pos x="0" y="31"/>
                  </a:cxn>
                  <a:cxn ang="0">
                    <a:pos x="0" y="15"/>
                  </a:cxn>
                  <a:cxn ang="0">
                    <a:pos x="2" y="9"/>
                  </a:cxn>
                  <a:cxn ang="0">
                    <a:pos x="4" y="0"/>
                  </a:cxn>
                </a:cxnLst>
                <a:rect l="0" t="0" r="r" b="b"/>
                <a:pathLst>
                  <a:path w="4" h="34">
                    <a:moveTo>
                      <a:pt x="0" y="34"/>
                    </a:moveTo>
                    <a:lnTo>
                      <a:pt x="0" y="31"/>
                    </a:lnTo>
                    <a:lnTo>
                      <a:pt x="0" y="15"/>
                    </a:lnTo>
                    <a:lnTo>
                      <a:pt x="2" y="9"/>
                    </a:lnTo>
                    <a:lnTo>
                      <a:pt x="4"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8" name="Freeform 1198"/>
              <p:cNvSpPr>
                <a:spLocks/>
              </p:cNvSpPr>
              <p:nvPr/>
            </p:nvSpPr>
            <p:spPr bwMode="auto">
              <a:xfrm>
                <a:off x="7142456" y="1204063"/>
                <a:ext cx="28069" cy="41275"/>
              </a:xfrm>
              <a:custGeom>
                <a:avLst/>
                <a:gdLst/>
                <a:ahLst/>
                <a:cxnLst>
                  <a:cxn ang="0">
                    <a:pos x="0" y="0"/>
                  </a:cxn>
                  <a:cxn ang="0">
                    <a:pos x="8" y="10"/>
                  </a:cxn>
                  <a:cxn ang="0">
                    <a:pos x="15" y="21"/>
                  </a:cxn>
                  <a:cxn ang="0">
                    <a:pos x="22" y="33"/>
                  </a:cxn>
                  <a:cxn ang="0">
                    <a:pos x="29" y="43"/>
                  </a:cxn>
                </a:cxnLst>
                <a:rect l="0" t="0" r="r" b="b"/>
                <a:pathLst>
                  <a:path w="29" h="43">
                    <a:moveTo>
                      <a:pt x="0" y="0"/>
                    </a:moveTo>
                    <a:lnTo>
                      <a:pt x="8" y="10"/>
                    </a:lnTo>
                    <a:lnTo>
                      <a:pt x="15" y="21"/>
                    </a:lnTo>
                    <a:lnTo>
                      <a:pt x="22" y="33"/>
                    </a:lnTo>
                    <a:lnTo>
                      <a:pt x="29" y="43"/>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9" name="Freeform 1197"/>
              <p:cNvSpPr>
                <a:spLocks/>
              </p:cNvSpPr>
              <p:nvPr/>
            </p:nvSpPr>
            <p:spPr bwMode="auto">
              <a:xfrm>
                <a:off x="7421499" y="1228828"/>
                <a:ext cx="12384" cy="35497"/>
              </a:xfrm>
              <a:custGeom>
                <a:avLst/>
                <a:gdLst/>
                <a:ahLst/>
                <a:cxnLst>
                  <a:cxn ang="0">
                    <a:pos x="0" y="0"/>
                  </a:cxn>
                  <a:cxn ang="0">
                    <a:pos x="3" y="8"/>
                  </a:cxn>
                  <a:cxn ang="0">
                    <a:pos x="8" y="19"/>
                  </a:cxn>
                  <a:cxn ang="0">
                    <a:pos x="12" y="27"/>
                  </a:cxn>
                  <a:cxn ang="0">
                    <a:pos x="13" y="37"/>
                  </a:cxn>
                </a:cxnLst>
                <a:rect l="0" t="0" r="r" b="b"/>
                <a:pathLst>
                  <a:path w="13" h="37">
                    <a:moveTo>
                      <a:pt x="0" y="0"/>
                    </a:moveTo>
                    <a:lnTo>
                      <a:pt x="3" y="8"/>
                    </a:lnTo>
                    <a:lnTo>
                      <a:pt x="8" y="19"/>
                    </a:lnTo>
                    <a:lnTo>
                      <a:pt x="12" y="27"/>
                    </a:lnTo>
                    <a:lnTo>
                      <a:pt x="13" y="37"/>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0" name="Freeform 1196"/>
              <p:cNvSpPr>
                <a:spLocks/>
              </p:cNvSpPr>
              <p:nvPr/>
            </p:nvSpPr>
            <p:spPr bwMode="auto">
              <a:xfrm>
                <a:off x="7692286" y="1278358"/>
                <a:ext cx="48709" cy="33846"/>
              </a:xfrm>
              <a:custGeom>
                <a:avLst/>
                <a:gdLst/>
                <a:ahLst/>
                <a:cxnLst>
                  <a:cxn ang="0">
                    <a:pos x="0" y="36"/>
                  </a:cxn>
                  <a:cxn ang="0">
                    <a:pos x="12" y="26"/>
                  </a:cxn>
                  <a:cxn ang="0">
                    <a:pos x="24" y="15"/>
                  </a:cxn>
                  <a:cxn ang="0">
                    <a:pos x="37" y="7"/>
                  </a:cxn>
                  <a:cxn ang="0">
                    <a:pos x="51" y="0"/>
                  </a:cxn>
                </a:cxnLst>
                <a:rect l="0" t="0" r="r" b="b"/>
                <a:pathLst>
                  <a:path w="51" h="36">
                    <a:moveTo>
                      <a:pt x="0" y="36"/>
                    </a:moveTo>
                    <a:lnTo>
                      <a:pt x="12" y="26"/>
                    </a:lnTo>
                    <a:lnTo>
                      <a:pt x="24" y="15"/>
                    </a:lnTo>
                    <a:lnTo>
                      <a:pt x="37" y="7"/>
                    </a:lnTo>
                    <a:lnTo>
                      <a:pt x="51"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1" name="Freeform 1195"/>
              <p:cNvSpPr>
                <a:spLocks/>
              </p:cNvSpPr>
              <p:nvPr/>
            </p:nvSpPr>
            <p:spPr bwMode="auto">
              <a:xfrm>
                <a:off x="8115803" y="1510326"/>
                <a:ext cx="9081" cy="37148"/>
              </a:xfrm>
              <a:custGeom>
                <a:avLst/>
                <a:gdLst/>
                <a:ahLst/>
                <a:cxnLst>
                  <a:cxn ang="0">
                    <a:pos x="10" y="0"/>
                  </a:cxn>
                  <a:cxn ang="0">
                    <a:pos x="5" y="19"/>
                  </a:cxn>
                  <a:cxn ang="0">
                    <a:pos x="0" y="38"/>
                  </a:cxn>
                </a:cxnLst>
                <a:rect l="0" t="0" r="r" b="b"/>
                <a:pathLst>
                  <a:path w="10" h="38">
                    <a:moveTo>
                      <a:pt x="10" y="0"/>
                    </a:moveTo>
                    <a:lnTo>
                      <a:pt x="5" y="19"/>
                    </a:lnTo>
                    <a:lnTo>
                      <a:pt x="0" y="38"/>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2" name="Freeform 1194"/>
              <p:cNvSpPr>
                <a:spLocks/>
              </p:cNvSpPr>
              <p:nvPr/>
            </p:nvSpPr>
            <p:spPr bwMode="auto">
              <a:xfrm>
                <a:off x="6551349" y="1063726"/>
                <a:ext cx="1637104" cy="1096274"/>
              </a:xfrm>
              <a:custGeom>
                <a:avLst/>
                <a:gdLst/>
                <a:ahLst/>
                <a:cxnLst>
                  <a:cxn ang="0">
                    <a:pos x="1623" y="402"/>
                  </a:cxn>
                  <a:cxn ang="0">
                    <a:pos x="1683" y="465"/>
                  </a:cxn>
                  <a:cxn ang="0">
                    <a:pos x="1701" y="545"/>
                  </a:cxn>
                  <a:cxn ang="0">
                    <a:pos x="1684" y="605"/>
                  </a:cxn>
                  <a:cxn ang="0">
                    <a:pos x="1645" y="653"/>
                  </a:cxn>
                  <a:cxn ang="0">
                    <a:pos x="1638" y="692"/>
                  </a:cxn>
                  <a:cxn ang="0">
                    <a:pos x="1664" y="775"/>
                  </a:cxn>
                  <a:cxn ang="0">
                    <a:pos x="1650" y="837"/>
                  </a:cxn>
                  <a:cxn ang="0">
                    <a:pos x="1589" y="905"/>
                  </a:cxn>
                  <a:cxn ang="0">
                    <a:pos x="1493" y="932"/>
                  </a:cxn>
                  <a:cxn ang="0">
                    <a:pos x="1439" y="977"/>
                  </a:cxn>
                  <a:cxn ang="0">
                    <a:pos x="1345" y="1043"/>
                  </a:cxn>
                  <a:cxn ang="0">
                    <a:pos x="1229" y="1070"/>
                  </a:cxn>
                  <a:cxn ang="0">
                    <a:pos x="1108" y="1057"/>
                  </a:cxn>
                  <a:cxn ang="0">
                    <a:pos x="1033" y="1057"/>
                  </a:cxn>
                  <a:cxn ang="0">
                    <a:pos x="958" y="1111"/>
                  </a:cxn>
                  <a:cxn ang="0">
                    <a:pos x="866" y="1139"/>
                  </a:cxn>
                  <a:cxn ang="0">
                    <a:pos x="749" y="1127"/>
                  </a:cxn>
                  <a:cxn ang="0">
                    <a:pos x="643" y="1067"/>
                  </a:cxn>
                  <a:cxn ang="0">
                    <a:pos x="578" y="968"/>
                  </a:cxn>
                  <a:cxn ang="0">
                    <a:pos x="505" y="995"/>
                  </a:cxn>
                  <a:cxn ang="0">
                    <a:pos x="423" y="997"/>
                  </a:cxn>
                  <a:cxn ang="0">
                    <a:pos x="358" y="980"/>
                  </a:cxn>
                  <a:cxn ang="0">
                    <a:pos x="269" y="910"/>
                  </a:cxn>
                  <a:cxn ang="0">
                    <a:pos x="241" y="856"/>
                  </a:cxn>
                  <a:cxn ang="0">
                    <a:pos x="230" y="794"/>
                  </a:cxn>
                  <a:cxn ang="0">
                    <a:pos x="171" y="781"/>
                  </a:cxn>
                  <a:cxn ang="0">
                    <a:pos x="82" y="728"/>
                  </a:cxn>
                  <a:cxn ang="0">
                    <a:pos x="27" y="659"/>
                  </a:cxn>
                  <a:cxn ang="0">
                    <a:pos x="5" y="598"/>
                  </a:cxn>
                  <a:cxn ang="0">
                    <a:pos x="2" y="533"/>
                  </a:cxn>
                  <a:cxn ang="0">
                    <a:pos x="15" y="475"/>
                  </a:cxn>
                  <a:cxn ang="0">
                    <a:pos x="53" y="395"/>
                  </a:cxn>
                  <a:cxn ang="0">
                    <a:pos x="39" y="339"/>
                  </a:cxn>
                  <a:cxn ang="0">
                    <a:pos x="56" y="252"/>
                  </a:cxn>
                  <a:cxn ang="0">
                    <a:pos x="118" y="179"/>
                  </a:cxn>
                  <a:cxn ang="0">
                    <a:pos x="194" y="143"/>
                  </a:cxn>
                  <a:cxn ang="0">
                    <a:pos x="235" y="61"/>
                  </a:cxn>
                  <a:cxn ang="0">
                    <a:pos x="316" y="12"/>
                  </a:cxn>
                  <a:cxn ang="0">
                    <a:pos x="402" y="1"/>
                  </a:cxn>
                  <a:cxn ang="0">
                    <a:pos x="462" y="17"/>
                  </a:cxn>
                  <a:cxn ang="0">
                    <a:pos x="529" y="61"/>
                  </a:cxn>
                  <a:cxn ang="0">
                    <a:pos x="571" y="25"/>
                  </a:cxn>
                  <a:cxn ang="0">
                    <a:pos x="624" y="5"/>
                  </a:cxn>
                  <a:cxn ang="0">
                    <a:pos x="689" y="1"/>
                  </a:cxn>
                  <a:cxn ang="0">
                    <a:pos x="755" y="23"/>
                  </a:cxn>
                  <a:cxn ang="0">
                    <a:pos x="806" y="68"/>
                  </a:cxn>
                  <a:cxn ang="0">
                    <a:pos x="866" y="56"/>
                  </a:cxn>
                  <a:cxn ang="0">
                    <a:pos x="934" y="35"/>
                  </a:cxn>
                  <a:cxn ang="0">
                    <a:pos x="1008" y="39"/>
                  </a:cxn>
                  <a:cxn ang="0">
                    <a:pos x="1084" y="68"/>
                  </a:cxn>
                  <a:cxn ang="0">
                    <a:pos x="1142" y="124"/>
                  </a:cxn>
                  <a:cxn ang="0">
                    <a:pos x="1216" y="112"/>
                  </a:cxn>
                  <a:cxn ang="0">
                    <a:pos x="1313" y="105"/>
                  </a:cxn>
                  <a:cxn ang="0">
                    <a:pos x="1389" y="122"/>
                  </a:cxn>
                  <a:cxn ang="0">
                    <a:pos x="1454" y="160"/>
                  </a:cxn>
                  <a:cxn ang="0">
                    <a:pos x="1505" y="211"/>
                  </a:cxn>
                  <a:cxn ang="0">
                    <a:pos x="1540" y="274"/>
                  </a:cxn>
                  <a:cxn ang="0">
                    <a:pos x="1551" y="347"/>
                  </a:cxn>
                </a:cxnLst>
                <a:rect l="0" t="0" r="r" b="b"/>
                <a:pathLst>
                  <a:path w="1701" h="1140">
                    <a:moveTo>
                      <a:pt x="1548" y="380"/>
                    </a:moveTo>
                    <a:lnTo>
                      <a:pt x="1563" y="382"/>
                    </a:lnTo>
                    <a:lnTo>
                      <a:pt x="1580" y="385"/>
                    </a:lnTo>
                    <a:lnTo>
                      <a:pt x="1594" y="390"/>
                    </a:lnTo>
                    <a:lnTo>
                      <a:pt x="1609" y="395"/>
                    </a:lnTo>
                    <a:lnTo>
                      <a:pt x="1623" y="402"/>
                    </a:lnTo>
                    <a:lnTo>
                      <a:pt x="1635" y="411"/>
                    </a:lnTo>
                    <a:lnTo>
                      <a:pt x="1647" y="421"/>
                    </a:lnTo>
                    <a:lnTo>
                      <a:pt x="1657" y="429"/>
                    </a:lnTo>
                    <a:lnTo>
                      <a:pt x="1667" y="441"/>
                    </a:lnTo>
                    <a:lnTo>
                      <a:pt x="1676" y="453"/>
                    </a:lnTo>
                    <a:lnTo>
                      <a:pt x="1683" y="465"/>
                    </a:lnTo>
                    <a:lnTo>
                      <a:pt x="1690" y="479"/>
                    </a:lnTo>
                    <a:lnTo>
                      <a:pt x="1695" y="492"/>
                    </a:lnTo>
                    <a:lnTo>
                      <a:pt x="1698" y="506"/>
                    </a:lnTo>
                    <a:lnTo>
                      <a:pt x="1701" y="520"/>
                    </a:lnTo>
                    <a:lnTo>
                      <a:pt x="1701" y="535"/>
                    </a:lnTo>
                    <a:lnTo>
                      <a:pt x="1701" y="545"/>
                    </a:lnTo>
                    <a:lnTo>
                      <a:pt x="1700" y="555"/>
                    </a:lnTo>
                    <a:lnTo>
                      <a:pt x="1698" y="566"/>
                    </a:lnTo>
                    <a:lnTo>
                      <a:pt x="1696" y="576"/>
                    </a:lnTo>
                    <a:lnTo>
                      <a:pt x="1693" y="586"/>
                    </a:lnTo>
                    <a:lnTo>
                      <a:pt x="1690" y="595"/>
                    </a:lnTo>
                    <a:lnTo>
                      <a:pt x="1684" y="605"/>
                    </a:lnTo>
                    <a:lnTo>
                      <a:pt x="1679" y="613"/>
                    </a:lnTo>
                    <a:lnTo>
                      <a:pt x="1674" y="622"/>
                    </a:lnTo>
                    <a:lnTo>
                      <a:pt x="1667" y="630"/>
                    </a:lnTo>
                    <a:lnTo>
                      <a:pt x="1661" y="637"/>
                    </a:lnTo>
                    <a:lnTo>
                      <a:pt x="1652" y="646"/>
                    </a:lnTo>
                    <a:lnTo>
                      <a:pt x="1645" y="653"/>
                    </a:lnTo>
                    <a:lnTo>
                      <a:pt x="1635" y="659"/>
                    </a:lnTo>
                    <a:lnTo>
                      <a:pt x="1626" y="665"/>
                    </a:lnTo>
                    <a:lnTo>
                      <a:pt x="1618" y="671"/>
                    </a:lnTo>
                    <a:lnTo>
                      <a:pt x="1618" y="670"/>
                    </a:lnTo>
                    <a:lnTo>
                      <a:pt x="1628" y="680"/>
                    </a:lnTo>
                    <a:lnTo>
                      <a:pt x="1638" y="692"/>
                    </a:lnTo>
                    <a:lnTo>
                      <a:pt x="1645" y="705"/>
                    </a:lnTo>
                    <a:lnTo>
                      <a:pt x="1652" y="717"/>
                    </a:lnTo>
                    <a:lnTo>
                      <a:pt x="1657" y="733"/>
                    </a:lnTo>
                    <a:lnTo>
                      <a:pt x="1661" y="746"/>
                    </a:lnTo>
                    <a:lnTo>
                      <a:pt x="1664" y="760"/>
                    </a:lnTo>
                    <a:lnTo>
                      <a:pt x="1664" y="775"/>
                    </a:lnTo>
                    <a:lnTo>
                      <a:pt x="1664" y="784"/>
                    </a:lnTo>
                    <a:lnTo>
                      <a:pt x="1664" y="791"/>
                    </a:lnTo>
                    <a:lnTo>
                      <a:pt x="1662" y="799"/>
                    </a:lnTo>
                    <a:lnTo>
                      <a:pt x="1661" y="808"/>
                    </a:lnTo>
                    <a:lnTo>
                      <a:pt x="1657" y="821"/>
                    </a:lnTo>
                    <a:lnTo>
                      <a:pt x="1650" y="837"/>
                    </a:lnTo>
                    <a:lnTo>
                      <a:pt x="1643" y="850"/>
                    </a:lnTo>
                    <a:lnTo>
                      <a:pt x="1635" y="862"/>
                    </a:lnTo>
                    <a:lnTo>
                      <a:pt x="1625" y="874"/>
                    </a:lnTo>
                    <a:lnTo>
                      <a:pt x="1615" y="886"/>
                    </a:lnTo>
                    <a:lnTo>
                      <a:pt x="1603" y="896"/>
                    </a:lnTo>
                    <a:lnTo>
                      <a:pt x="1589" y="905"/>
                    </a:lnTo>
                    <a:lnTo>
                      <a:pt x="1574" y="914"/>
                    </a:lnTo>
                    <a:lnTo>
                      <a:pt x="1560" y="920"/>
                    </a:lnTo>
                    <a:lnTo>
                      <a:pt x="1543" y="925"/>
                    </a:lnTo>
                    <a:lnTo>
                      <a:pt x="1528" y="929"/>
                    </a:lnTo>
                    <a:lnTo>
                      <a:pt x="1511" y="931"/>
                    </a:lnTo>
                    <a:lnTo>
                      <a:pt x="1493" y="932"/>
                    </a:lnTo>
                    <a:lnTo>
                      <a:pt x="1483" y="932"/>
                    </a:lnTo>
                    <a:lnTo>
                      <a:pt x="1473" y="931"/>
                    </a:lnTo>
                    <a:lnTo>
                      <a:pt x="1473" y="932"/>
                    </a:lnTo>
                    <a:lnTo>
                      <a:pt x="1463" y="948"/>
                    </a:lnTo>
                    <a:lnTo>
                      <a:pt x="1451" y="963"/>
                    </a:lnTo>
                    <a:lnTo>
                      <a:pt x="1439" y="977"/>
                    </a:lnTo>
                    <a:lnTo>
                      <a:pt x="1425" y="990"/>
                    </a:lnTo>
                    <a:lnTo>
                      <a:pt x="1410" y="1002"/>
                    </a:lnTo>
                    <a:lnTo>
                      <a:pt x="1395" y="1014"/>
                    </a:lnTo>
                    <a:lnTo>
                      <a:pt x="1379" y="1024"/>
                    </a:lnTo>
                    <a:lnTo>
                      <a:pt x="1362" y="1035"/>
                    </a:lnTo>
                    <a:lnTo>
                      <a:pt x="1345" y="1043"/>
                    </a:lnTo>
                    <a:lnTo>
                      <a:pt x="1326" y="1050"/>
                    </a:lnTo>
                    <a:lnTo>
                      <a:pt x="1308" y="1057"/>
                    </a:lnTo>
                    <a:lnTo>
                      <a:pt x="1289" y="1062"/>
                    </a:lnTo>
                    <a:lnTo>
                      <a:pt x="1270" y="1067"/>
                    </a:lnTo>
                    <a:lnTo>
                      <a:pt x="1250" y="1069"/>
                    </a:lnTo>
                    <a:lnTo>
                      <a:pt x="1229" y="1070"/>
                    </a:lnTo>
                    <a:lnTo>
                      <a:pt x="1210" y="1072"/>
                    </a:lnTo>
                    <a:lnTo>
                      <a:pt x="1188" y="1070"/>
                    </a:lnTo>
                    <a:lnTo>
                      <a:pt x="1168" y="1069"/>
                    </a:lnTo>
                    <a:lnTo>
                      <a:pt x="1149" y="1065"/>
                    </a:lnTo>
                    <a:lnTo>
                      <a:pt x="1129" y="1062"/>
                    </a:lnTo>
                    <a:lnTo>
                      <a:pt x="1108" y="1057"/>
                    </a:lnTo>
                    <a:lnTo>
                      <a:pt x="1089" y="1050"/>
                    </a:lnTo>
                    <a:lnTo>
                      <a:pt x="1071" y="1041"/>
                    </a:lnTo>
                    <a:lnTo>
                      <a:pt x="1054" y="1033"/>
                    </a:lnTo>
                    <a:lnTo>
                      <a:pt x="1043" y="1045"/>
                    </a:lnTo>
                    <a:lnTo>
                      <a:pt x="1033" y="1057"/>
                    </a:lnTo>
                    <a:lnTo>
                      <a:pt x="1023" y="1067"/>
                    </a:lnTo>
                    <a:lnTo>
                      <a:pt x="1011" y="1077"/>
                    </a:lnTo>
                    <a:lnTo>
                      <a:pt x="999" y="1087"/>
                    </a:lnTo>
                    <a:lnTo>
                      <a:pt x="985" y="1096"/>
                    </a:lnTo>
                    <a:lnTo>
                      <a:pt x="972" y="1104"/>
                    </a:lnTo>
                    <a:lnTo>
                      <a:pt x="958" y="1111"/>
                    </a:lnTo>
                    <a:lnTo>
                      <a:pt x="943" y="1118"/>
                    </a:lnTo>
                    <a:lnTo>
                      <a:pt x="929" y="1123"/>
                    </a:lnTo>
                    <a:lnTo>
                      <a:pt x="914" y="1128"/>
                    </a:lnTo>
                    <a:lnTo>
                      <a:pt x="897" y="1132"/>
                    </a:lnTo>
                    <a:lnTo>
                      <a:pt x="881" y="1135"/>
                    </a:lnTo>
                    <a:lnTo>
                      <a:pt x="866" y="1139"/>
                    </a:lnTo>
                    <a:lnTo>
                      <a:pt x="849" y="1139"/>
                    </a:lnTo>
                    <a:lnTo>
                      <a:pt x="832" y="1140"/>
                    </a:lnTo>
                    <a:lnTo>
                      <a:pt x="810" y="1139"/>
                    </a:lnTo>
                    <a:lnTo>
                      <a:pt x="789" y="1137"/>
                    </a:lnTo>
                    <a:lnTo>
                      <a:pt x="769" y="1133"/>
                    </a:lnTo>
                    <a:lnTo>
                      <a:pt x="749" y="1127"/>
                    </a:lnTo>
                    <a:lnTo>
                      <a:pt x="728" y="1120"/>
                    </a:lnTo>
                    <a:lnTo>
                      <a:pt x="709" y="1113"/>
                    </a:lnTo>
                    <a:lnTo>
                      <a:pt x="691" y="1103"/>
                    </a:lnTo>
                    <a:lnTo>
                      <a:pt x="674" y="1093"/>
                    </a:lnTo>
                    <a:lnTo>
                      <a:pt x="658" y="1081"/>
                    </a:lnTo>
                    <a:lnTo>
                      <a:pt x="643" y="1067"/>
                    </a:lnTo>
                    <a:lnTo>
                      <a:pt x="629" y="1053"/>
                    </a:lnTo>
                    <a:lnTo>
                      <a:pt x="616" y="1038"/>
                    </a:lnTo>
                    <a:lnTo>
                      <a:pt x="604" y="1021"/>
                    </a:lnTo>
                    <a:lnTo>
                      <a:pt x="593" y="1004"/>
                    </a:lnTo>
                    <a:lnTo>
                      <a:pt x="585" y="987"/>
                    </a:lnTo>
                    <a:lnTo>
                      <a:pt x="578" y="968"/>
                    </a:lnTo>
                    <a:lnTo>
                      <a:pt x="564" y="977"/>
                    </a:lnTo>
                    <a:lnTo>
                      <a:pt x="549" y="982"/>
                    </a:lnTo>
                    <a:lnTo>
                      <a:pt x="535" y="989"/>
                    </a:lnTo>
                    <a:lnTo>
                      <a:pt x="520" y="992"/>
                    </a:lnTo>
                    <a:lnTo>
                      <a:pt x="505" y="995"/>
                    </a:lnTo>
                    <a:lnTo>
                      <a:pt x="489" y="999"/>
                    </a:lnTo>
                    <a:lnTo>
                      <a:pt x="472" y="999"/>
                    </a:lnTo>
                    <a:lnTo>
                      <a:pt x="457" y="1000"/>
                    </a:lnTo>
                    <a:lnTo>
                      <a:pt x="445" y="1000"/>
                    </a:lnTo>
                    <a:lnTo>
                      <a:pt x="433" y="999"/>
                    </a:lnTo>
                    <a:lnTo>
                      <a:pt x="423" y="997"/>
                    </a:lnTo>
                    <a:lnTo>
                      <a:pt x="411" y="995"/>
                    </a:lnTo>
                    <a:lnTo>
                      <a:pt x="401" y="994"/>
                    </a:lnTo>
                    <a:lnTo>
                      <a:pt x="391" y="990"/>
                    </a:lnTo>
                    <a:lnTo>
                      <a:pt x="379" y="987"/>
                    </a:lnTo>
                    <a:lnTo>
                      <a:pt x="368" y="983"/>
                    </a:lnTo>
                    <a:lnTo>
                      <a:pt x="358" y="980"/>
                    </a:lnTo>
                    <a:lnTo>
                      <a:pt x="350" y="975"/>
                    </a:lnTo>
                    <a:lnTo>
                      <a:pt x="331" y="965"/>
                    </a:lnTo>
                    <a:lnTo>
                      <a:pt x="312" y="953"/>
                    </a:lnTo>
                    <a:lnTo>
                      <a:pt x="297" y="941"/>
                    </a:lnTo>
                    <a:lnTo>
                      <a:pt x="281" y="925"/>
                    </a:lnTo>
                    <a:lnTo>
                      <a:pt x="269" y="910"/>
                    </a:lnTo>
                    <a:lnTo>
                      <a:pt x="263" y="902"/>
                    </a:lnTo>
                    <a:lnTo>
                      <a:pt x="258" y="893"/>
                    </a:lnTo>
                    <a:lnTo>
                      <a:pt x="252" y="885"/>
                    </a:lnTo>
                    <a:lnTo>
                      <a:pt x="247" y="874"/>
                    </a:lnTo>
                    <a:lnTo>
                      <a:pt x="244" y="866"/>
                    </a:lnTo>
                    <a:lnTo>
                      <a:pt x="241" y="856"/>
                    </a:lnTo>
                    <a:lnTo>
                      <a:pt x="237" y="845"/>
                    </a:lnTo>
                    <a:lnTo>
                      <a:pt x="234" y="835"/>
                    </a:lnTo>
                    <a:lnTo>
                      <a:pt x="232" y="825"/>
                    </a:lnTo>
                    <a:lnTo>
                      <a:pt x="230" y="815"/>
                    </a:lnTo>
                    <a:lnTo>
                      <a:pt x="230" y="804"/>
                    </a:lnTo>
                    <a:lnTo>
                      <a:pt x="230" y="794"/>
                    </a:lnTo>
                    <a:lnTo>
                      <a:pt x="218" y="792"/>
                    </a:lnTo>
                    <a:lnTo>
                      <a:pt x="206" y="789"/>
                    </a:lnTo>
                    <a:lnTo>
                      <a:pt x="194" y="787"/>
                    </a:lnTo>
                    <a:lnTo>
                      <a:pt x="183" y="784"/>
                    </a:lnTo>
                    <a:lnTo>
                      <a:pt x="171" y="781"/>
                    </a:lnTo>
                    <a:lnTo>
                      <a:pt x="160" y="775"/>
                    </a:lnTo>
                    <a:lnTo>
                      <a:pt x="148" y="770"/>
                    </a:lnTo>
                    <a:lnTo>
                      <a:pt x="138" y="765"/>
                    </a:lnTo>
                    <a:lnTo>
                      <a:pt x="118" y="755"/>
                    </a:lnTo>
                    <a:lnTo>
                      <a:pt x="99" y="741"/>
                    </a:lnTo>
                    <a:lnTo>
                      <a:pt x="82" y="728"/>
                    </a:lnTo>
                    <a:lnTo>
                      <a:pt x="67" y="712"/>
                    </a:lnTo>
                    <a:lnTo>
                      <a:pt x="51" y="695"/>
                    </a:lnTo>
                    <a:lnTo>
                      <a:pt x="44" y="687"/>
                    </a:lnTo>
                    <a:lnTo>
                      <a:pt x="39" y="678"/>
                    </a:lnTo>
                    <a:lnTo>
                      <a:pt x="33" y="668"/>
                    </a:lnTo>
                    <a:lnTo>
                      <a:pt x="27" y="659"/>
                    </a:lnTo>
                    <a:lnTo>
                      <a:pt x="22" y="649"/>
                    </a:lnTo>
                    <a:lnTo>
                      <a:pt x="17" y="639"/>
                    </a:lnTo>
                    <a:lnTo>
                      <a:pt x="14" y="629"/>
                    </a:lnTo>
                    <a:lnTo>
                      <a:pt x="10" y="619"/>
                    </a:lnTo>
                    <a:lnTo>
                      <a:pt x="7" y="608"/>
                    </a:lnTo>
                    <a:lnTo>
                      <a:pt x="5" y="598"/>
                    </a:lnTo>
                    <a:lnTo>
                      <a:pt x="4" y="586"/>
                    </a:lnTo>
                    <a:lnTo>
                      <a:pt x="2" y="576"/>
                    </a:lnTo>
                    <a:lnTo>
                      <a:pt x="0" y="564"/>
                    </a:lnTo>
                    <a:lnTo>
                      <a:pt x="0" y="554"/>
                    </a:lnTo>
                    <a:lnTo>
                      <a:pt x="0" y="544"/>
                    </a:lnTo>
                    <a:lnTo>
                      <a:pt x="2" y="533"/>
                    </a:lnTo>
                    <a:lnTo>
                      <a:pt x="2" y="523"/>
                    </a:lnTo>
                    <a:lnTo>
                      <a:pt x="4" y="513"/>
                    </a:lnTo>
                    <a:lnTo>
                      <a:pt x="7" y="503"/>
                    </a:lnTo>
                    <a:lnTo>
                      <a:pt x="9" y="494"/>
                    </a:lnTo>
                    <a:lnTo>
                      <a:pt x="12" y="484"/>
                    </a:lnTo>
                    <a:lnTo>
                      <a:pt x="15" y="475"/>
                    </a:lnTo>
                    <a:lnTo>
                      <a:pt x="22" y="457"/>
                    </a:lnTo>
                    <a:lnTo>
                      <a:pt x="33" y="438"/>
                    </a:lnTo>
                    <a:lnTo>
                      <a:pt x="43" y="421"/>
                    </a:lnTo>
                    <a:lnTo>
                      <a:pt x="56" y="405"/>
                    </a:lnTo>
                    <a:lnTo>
                      <a:pt x="53" y="395"/>
                    </a:lnTo>
                    <a:lnTo>
                      <a:pt x="50" y="387"/>
                    </a:lnTo>
                    <a:lnTo>
                      <a:pt x="46" y="376"/>
                    </a:lnTo>
                    <a:lnTo>
                      <a:pt x="44" y="368"/>
                    </a:lnTo>
                    <a:lnTo>
                      <a:pt x="41" y="358"/>
                    </a:lnTo>
                    <a:lnTo>
                      <a:pt x="41" y="347"/>
                    </a:lnTo>
                    <a:lnTo>
                      <a:pt x="39" y="339"/>
                    </a:lnTo>
                    <a:lnTo>
                      <a:pt x="39" y="329"/>
                    </a:lnTo>
                    <a:lnTo>
                      <a:pt x="39" y="313"/>
                    </a:lnTo>
                    <a:lnTo>
                      <a:pt x="43" y="296"/>
                    </a:lnTo>
                    <a:lnTo>
                      <a:pt x="46" y="281"/>
                    </a:lnTo>
                    <a:lnTo>
                      <a:pt x="51" y="267"/>
                    </a:lnTo>
                    <a:lnTo>
                      <a:pt x="56" y="252"/>
                    </a:lnTo>
                    <a:lnTo>
                      <a:pt x="65" y="238"/>
                    </a:lnTo>
                    <a:lnTo>
                      <a:pt x="73" y="225"/>
                    </a:lnTo>
                    <a:lnTo>
                      <a:pt x="82" y="213"/>
                    </a:lnTo>
                    <a:lnTo>
                      <a:pt x="94" y="201"/>
                    </a:lnTo>
                    <a:lnTo>
                      <a:pt x="106" y="189"/>
                    </a:lnTo>
                    <a:lnTo>
                      <a:pt x="118" y="179"/>
                    </a:lnTo>
                    <a:lnTo>
                      <a:pt x="131" y="170"/>
                    </a:lnTo>
                    <a:lnTo>
                      <a:pt x="147" y="162"/>
                    </a:lnTo>
                    <a:lnTo>
                      <a:pt x="162" y="155"/>
                    </a:lnTo>
                    <a:lnTo>
                      <a:pt x="177" y="148"/>
                    </a:lnTo>
                    <a:lnTo>
                      <a:pt x="194" y="145"/>
                    </a:lnTo>
                    <a:lnTo>
                      <a:pt x="194" y="143"/>
                    </a:lnTo>
                    <a:lnTo>
                      <a:pt x="198" y="127"/>
                    </a:lnTo>
                    <a:lnTo>
                      <a:pt x="203" y="114"/>
                    </a:lnTo>
                    <a:lnTo>
                      <a:pt x="210" y="98"/>
                    </a:lnTo>
                    <a:lnTo>
                      <a:pt x="217" y="87"/>
                    </a:lnTo>
                    <a:lnTo>
                      <a:pt x="225" y="73"/>
                    </a:lnTo>
                    <a:lnTo>
                      <a:pt x="235" y="61"/>
                    </a:lnTo>
                    <a:lnTo>
                      <a:pt x="247" y="51"/>
                    </a:lnTo>
                    <a:lnTo>
                      <a:pt x="259" y="41"/>
                    </a:lnTo>
                    <a:lnTo>
                      <a:pt x="273" y="32"/>
                    </a:lnTo>
                    <a:lnTo>
                      <a:pt x="287" y="23"/>
                    </a:lnTo>
                    <a:lnTo>
                      <a:pt x="300" y="17"/>
                    </a:lnTo>
                    <a:lnTo>
                      <a:pt x="316" y="12"/>
                    </a:lnTo>
                    <a:lnTo>
                      <a:pt x="331" y="6"/>
                    </a:lnTo>
                    <a:lnTo>
                      <a:pt x="348" y="3"/>
                    </a:lnTo>
                    <a:lnTo>
                      <a:pt x="365" y="1"/>
                    </a:lnTo>
                    <a:lnTo>
                      <a:pt x="382" y="0"/>
                    </a:lnTo>
                    <a:lnTo>
                      <a:pt x="392" y="0"/>
                    </a:lnTo>
                    <a:lnTo>
                      <a:pt x="402" y="1"/>
                    </a:lnTo>
                    <a:lnTo>
                      <a:pt x="413" y="3"/>
                    </a:lnTo>
                    <a:lnTo>
                      <a:pt x="423" y="5"/>
                    </a:lnTo>
                    <a:lnTo>
                      <a:pt x="433" y="6"/>
                    </a:lnTo>
                    <a:lnTo>
                      <a:pt x="443" y="10"/>
                    </a:lnTo>
                    <a:lnTo>
                      <a:pt x="454" y="13"/>
                    </a:lnTo>
                    <a:lnTo>
                      <a:pt x="462" y="17"/>
                    </a:lnTo>
                    <a:lnTo>
                      <a:pt x="472" y="20"/>
                    </a:lnTo>
                    <a:lnTo>
                      <a:pt x="481" y="25"/>
                    </a:lnTo>
                    <a:lnTo>
                      <a:pt x="489" y="30"/>
                    </a:lnTo>
                    <a:lnTo>
                      <a:pt x="498" y="35"/>
                    </a:lnTo>
                    <a:lnTo>
                      <a:pt x="513" y="47"/>
                    </a:lnTo>
                    <a:lnTo>
                      <a:pt x="529" y="61"/>
                    </a:lnTo>
                    <a:lnTo>
                      <a:pt x="527" y="63"/>
                    </a:lnTo>
                    <a:lnTo>
                      <a:pt x="534" y="54"/>
                    </a:lnTo>
                    <a:lnTo>
                      <a:pt x="541" y="47"/>
                    </a:lnTo>
                    <a:lnTo>
                      <a:pt x="554" y="35"/>
                    </a:lnTo>
                    <a:lnTo>
                      <a:pt x="563" y="30"/>
                    </a:lnTo>
                    <a:lnTo>
                      <a:pt x="571" y="25"/>
                    </a:lnTo>
                    <a:lnTo>
                      <a:pt x="580" y="20"/>
                    </a:lnTo>
                    <a:lnTo>
                      <a:pt x="588" y="17"/>
                    </a:lnTo>
                    <a:lnTo>
                      <a:pt x="597" y="13"/>
                    </a:lnTo>
                    <a:lnTo>
                      <a:pt x="605" y="10"/>
                    </a:lnTo>
                    <a:lnTo>
                      <a:pt x="616" y="6"/>
                    </a:lnTo>
                    <a:lnTo>
                      <a:pt x="624" y="5"/>
                    </a:lnTo>
                    <a:lnTo>
                      <a:pt x="634" y="3"/>
                    </a:lnTo>
                    <a:lnTo>
                      <a:pt x="645" y="1"/>
                    </a:lnTo>
                    <a:lnTo>
                      <a:pt x="655" y="0"/>
                    </a:lnTo>
                    <a:lnTo>
                      <a:pt x="665" y="0"/>
                    </a:lnTo>
                    <a:lnTo>
                      <a:pt x="677" y="1"/>
                    </a:lnTo>
                    <a:lnTo>
                      <a:pt x="689" y="1"/>
                    </a:lnTo>
                    <a:lnTo>
                      <a:pt x="701" y="3"/>
                    </a:lnTo>
                    <a:lnTo>
                      <a:pt x="711" y="6"/>
                    </a:lnTo>
                    <a:lnTo>
                      <a:pt x="723" y="10"/>
                    </a:lnTo>
                    <a:lnTo>
                      <a:pt x="733" y="13"/>
                    </a:lnTo>
                    <a:lnTo>
                      <a:pt x="745" y="18"/>
                    </a:lnTo>
                    <a:lnTo>
                      <a:pt x="755" y="23"/>
                    </a:lnTo>
                    <a:lnTo>
                      <a:pt x="764" y="30"/>
                    </a:lnTo>
                    <a:lnTo>
                      <a:pt x="774" y="35"/>
                    </a:lnTo>
                    <a:lnTo>
                      <a:pt x="783" y="44"/>
                    </a:lnTo>
                    <a:lnTo>
                      <a:pt x="791" y="51"/>
                    </a:lnTo>
                    <a:lnTo>
                      <a:pt x="798" y="59"/>
                    </a:lnTo>
                    <a:lnTo>
                      <a:pt x="806" y="68"/>
                    </a:lnTo>
                    <a:lnTo>
                      <a:pt x="812" y="78"/>
                    </a:lnTo>
                    <a:lnTo>
                      <a:pt x="818" y="87"/>
                    </a:lnTo>
                    <a:lnTo>
                      <a:pt x="817" y="90"/>
                    </a:lnTo>
                    <a:lnTo>
                      <a:pt x="832" y="76"/>
                    </a:lnTo>
                    <a:lnTo>
                      <a:pt x="849" y="66"/>
                    </a:lnTo>
                    <a:lnTo>
                      <a:pt x="866" y="56"/>
                    </a:lnTo>
                    <a:lnTo>
                      <a:pt x="885" y="49"/>
                    </a:lnTo>
                    <a:lnTo>
                      <a:pt x="895" y="46"/>
                    </a:lnTo>
                    <a:lnTo>
                      <a:pt x="904" y="42"/>
                    </a:lnTo>
                    <a:lnTo>
                      <a:pt x="914" y="41"/>
                    </a:lnTo>
                    <a:lnTo>
                      <a:pt x="924" y="37"/>
                    </a:lnTo>
                    <a:lnTo>
                      <a:pt x="934" y="35"/>
                    </a:lnTo>
                    <a:lnTo>
                      <a:pt x="945" y="35"/>
                    </a:lnTo>
                    <a:lnTo>
                      <a:pt x="955" y="34"/>
                    </a:lnTo>
                    <a:lnTo>
                      <a:pt x="965" y="34"/>
                    </a:lnTo>
                    <a:lnTo>
                      <a:pt x="979" y="35"/>
                    </a:lnTo>
                    <a:lnTo>
                      <a:pt x="994" y="35"/>
                    </a:lnTo>
                    <a:lnTo>
                      <a:pt x="1008" y="39"/>
                    </a:lnTo>
                    <a:lnTo>
                      <a:pt x="1021" y="41"/>
                    </a:lnTo>
                    <a:lnTo>
                      <a:pt x="1035" y="46"/>
                    </a:lnTo>
                    <a:lnTo>
                      <a:pt x="1049" y="49"/>
                    </a:lnTo>
                    <a:lnTo>
                      <a:pt x="1060" y="56"/>
                    </a:lnTo>
                    <a:lnTo>
                      <a:pt x="1072" y="61"/>
                    </a:lnTo>
                    <a:lnTo>
                      <a:pt x="1084" y="68"/>
                    </a:lnTo>
                    <a:lnTo>
                      <a:pt x="1096" y="76"/>
                    </a:lnTo>
                    <a:lnTo>
                      <a:pt x="1107" y="85"/>
                    </a:lnTo>
                    <a:lnTo>
                      <a:pt x="1117" y="93"/>
                    </a:lnTo>
                    <a:lnTo>
                      <a:pt x="1125" y="104"/>
                    </a:lnTo>
                    <a:lnTo>
                      <a:pt x="1135" y="114"/>
                    </a:lnTo>
                    <a:lnTo>
                      <a:pt x="1142" y="124"/>
                    </a:lnTo>
                    <a:lnTo>
                      <a:pt x="1151" y="136"/>
                    </a:lnTo>
                    <a:lnTo>
                      <a:pt x="1151" y="138"/>
                    </a:lnTo>
                    <a:lnTo>
                      <a:pt x="1166" y="129"/>
                    </a:lnTo>
                    <a:lnTo>
                      <a:pt x="1183" y="122"/>
                    </a:lnTo>
                    <a:lnTo>
                      <a:pt x="1199" y="117"/>
                    </a:lnTo>
                    <a:lnTo>
                      <a:pt x="1216" y="112"/>
                    </a:lnTo>
                    <a:lnTo>
                      <a:pt x="1233" y="109"/>
                    </a:lnTo>
                    <a:lnTo>
                      <a:pt x="1250" y="107"/>
                    </a:lnTo>
                    <a:lnTo>
                      <a:pt x="1267" y="105"/>
                    </a:lnTo>
                    <a:lnTo>
                      <a:pt x="1286" y="104"/>
                    </a:lnTo>
                    <a:lnTo>
                      <a:pt x="1299" y="104"/>
                    </a:lnTo>
                    <a:lnTo>
                      <a:pt x="1313" y="105"/>
                    </a:lnTo>
                    <a:lnTo>
                      <a:pt x="1326" y="107"/>
                    </a:lnTo>
                    <a:lnTo>
                      <a:pt x="1338" y="109"/>
                    </a:lnTo>
                    <a:lnTo>
                      <a:pt x="1352" y="112"/>
                    </a:lnTo>
                    <a:lnTo>
                      <a:pt x="1364" y="116"/>
                    </a:lnTo>
                    <a:lnTo>
                      <a:pt x="1376" y="119"/>
                    </a:lnTo>
                    <a:lnTo>
                      <a:pt x="1389" y="122"/>
                    </a:lnTo>
                    <a:lnTo>
                      <a:pt x="1400" y="127"/>
                    </a:lnTo>
                    <a:lnTo>
                      <a:pt x="1412" y="133"/>
                    </a:lnTo>
                    <a:lnTo>
                      <a:pt x="1424" y="139"/>
                    </a:lnTo>
                    <a:lnTo>
                      <a:pt x="1434" y="146"/>
                    </a:lnTo>
                    <a:lnTo>
                      <a:pt x="1444" y="153"/>
                    </a:lnTo>
                    <a:lnTo>
                      <a:pt x="1454" y="160"/>
                    </a:lnTo>
                    <a:lnTo>
                      <a:pt x="1464" y="167"/>
                    </a:lnTo>
                    <a:lnTo>
                      <a:pt x="1473" y="175"/>
                    </a:lnTo>
                    <a:lnTo>
                      <a:pt x="1482" y="184"/>
                    </a:lnTo>
                    <a:lnTo>
                      <a:pt x="1490" y="192"/>
                    </a:lnTo>
                    <a:lnTo>
                      <a:pt x="1499" y="201"/>
                    </a:lnTo>
                    <a:lnTo>
                      <a:pt x="1505" y="211"/>
                    </a:lnTo>
                    <a:lnTo>
                      <a:pt x="1512" y="221"/>
                    </a:lnTo>
                    <a:lnTo>
                      <a:pt x="1519" y="231"/>
                    </a:lnTo>
                    <a:lnTo>
                      <a:pt x="1524" y="242"/>
                    </a:lnTo>
                    <a:lnTo>
                      <a:pt x="1531" y="252"/>
                    </a:lnTo>
                    <a:lnTo>
                      <a:pt x="1534" y="264"/>
                    </a:lnTo>
                    <a:lnTo>
                      <a:pt x="1540" y="274"/>
                    </a:lnTo>
                    <a:lnTo>
                      <a:pt x="1543" y="286"/>
                    </a:lnTo>
                    <a:lnTo>
                      <a:pt x="1546" y="298"/>
                    </a:lnTo>
                    <a:lnTo>
                      <a:pt x="1548" y="310"/>
                    </a:lnTo>
                    <a:lnTo>
                      <a:pt x="1550" y="322"/>
                    </a:lnTo>
                    <a:lnTo>
                      <a:pt x="1551" y="334"/>
                    </a:lnTo>
                    <a:lnTo>
                      <a:pt x="1551" y="347"/>
                    </a:lnTo>
                    <a:lnTo>
                      <a:pt x="1550" y="363"/>
                    </a:lnTo>
                    <a:lnTo>
                      <a:pt x="1550" y="380"/>
                    </a:lnTo>
                    <a:lnTo>
                      <a:pt x="1548" y="38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3" name="Freeform 1193"/>
              <p:cNvSpPr>
                <a:spLocks/>
              </p:cNvSpPr>
              <p:nvPr/>
            </p:nvSpPr>
            <p:spPr bwMode="auto">
              <a:xfrm>
                <a:off x="8011781" y="1708448"/>
                <a:ext cx="97417" cy="20638"/>
              </a:xfrm>
              <a:custGeom>
                <a:avLst/>
                <a:gdLst/>
                <a:ahLst/>
                <a:cxnLst>
                  <a:cxn ang="0">
                    <a:pos x="101" y="0"/>
                  </a:cxn>
                  <a:cxn ang="0">
                    <a:pos x="91" y="4"/>
                  </a:cxn>
                  <a:cxn ang="0">
                    <a:pos x="80" y="9"/>
                  </a:cxn>
                  <a:cxn ang="0">
                    <a:pos x="69" y="12"/>
                  </a:cxn>
                  <a:cxn ang="0">
                    <a:pos x="58" y="16"/>
                  </a:cxn>
                  <a:cxn ang="0">
                    <a:pos x="48" y="17"/>
                  </a:cxn>
                  <a:cxn ang="0">
                    <a:pos x="36" y="19"/>
                  </a:cxn>
                  <a:cxn ang="0">
                    <a:pos x="24" y="21"/>
                  </a:cxn>
                  <a:cxn ang="0">
                    <a:pos x="14" y="21"/>
                  </a:cxn>
                  <a:cxn ang="0">
                    <a:pos x="7" y="21"/>
                  </a:cxn>
                  <a:cxn ang="0">
                    <a:pos x="0" y="21"/>
                  </a:cxn>
                </a:cxnLst>
                <a:rect l="0" t="0" r="r" b="b"/>
                <a:pathLst>
                  <a:path w="101" h="21">
                    <a:moveTo>
                      <a:pt x="101" y="0"/>
                    </a:moveTo>
                    <a:lnTo>
                      <a:pt x="91" y="4"/>
                    </a:lnTo>
                    <a:lnTo>
                      <a:pt x="80" y="9"/>
                    </a:lnTo>
                    <a:lnTo>
                      <a:pt x="69" y="12"/>
                    </a:lnTo>
                    <a:lnTo>
                      <a:pt x="58" y="16"/>
                    </a:lnTo>
                    <a:lnTo>
                      <a:pt x="48" y="17"/>
                    </a:lnTo>
                    <a:lnTo>
                      <a:pt x="36" y="19"/>
                    </a:lnTo>
                    <a:lnTo>
                      <a:pt x="24" y="21"/>
                    </a:lnTo>
                    <a:lnTo>
                      <a:pt x="14" y="21"/>
                    </a:lnTo>
                    <a:lnTo>
                      <a:pt x="7" y="21"/>
                    </a:lnTo>
                    <a:lnTo>
                      <a:pt x="0" y="21"/>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4" name="Freeform 1192"/>
              <p:cNvSpPr>
                <a:spLocks/>
              </p:cNvSpPr>
              <p:nvPr/>
            </p:nvSpPr>
            <p:spPr bwMode="auto">
              <a:xfrm>
                <a:off x="7926747" y="1947845"/>
                <a:ext cx="42104" cy="10732"/>
              </a:xfrm>
              <a:custGeom>
                <a:avLst/>
                <a:gdLst/>
                <a:ahLst/>
                <a:cxnLst>
                  <a:cxn ang="0">
                    <a:pos x="44" y="11"/>
                  </a:cxn>
                  <a:cxn ang="0">
                    <a:pos x="32" y="9"/>
                  </a:cxn>
                  <a:cxn ang="0">
                    <a:pos x="22" y="7"/>
                  </a:cxn>
                  <a:cxn ang="0">
                    <a:pos x="10" y="4"/>
                  </a:cxn>
                  <a:cxn ang="0">
                    <a:pos x="0" y="0"/>
                  </a:cxn>
                </a:cxnLst>
                <a:rect l="0" t="0" r="r" b="b"/>
                <a:pathLst>
                  <a:path w="44" h="11">
                    <a:moveTo>
                      <a:pt x="44" y="11"/>
                    </a:moveTo>
                    <a:lnTo>
                      <a:pt x="32" y="9"/>
                    </a:lnTo>
                    <a:lnTo>
                      <a:pt x="22" y="7"/>
                    </a:lnTo>
                    <a:lnTo>
                      <a:pt x="10" y="4"/>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5" name="Freeform 1191"/>
              <p:cNvSpPr>
                <a:spLocks/>
              </p:cNvSpPr>
              <p:nvPr/>
            </p:nvSpPr>
            <p:spPr bwMode="auto">
              <a:xfrm>
                <a:off x="7565973" y="2012234"/>
                <a:ext cx="23942" cy="44577"/>
              </a:xfrm>
              <a:custGeom>
                <a:avLst/>
                <a:gdLst/>
                <a:ahLst/>
                <a:cxnLst>
                  <a:cxn ang="0">
                    <a:pos x="25" y="0"/>
                  </a:cxn>
                  <a:cxn ang="0">
                    <a:pos x="20" y="12"/>
                  </a:cxn>
                  <a:cxn ang="0">
                    <a:pos x="13" y="22"/>
                  </a:cxn>
                  <a:cxn ang="0">
                    <a:pos x="6" y="34"/>
                  </a:cxn>
                  <a:cxn ang="0">
                    <a:pos x="0" y="46"/>
                  </a:cxn>
                </a:cxnLst>
                <a:rect l="0" t="0" r="r" b="b"/>
                <a:pathLst>
                  <a:path w="25" h="46">
                    <a:moveTo>
                      <a:pt x="25" y="0"/>
                    </a:moveTo>
                    <a:lnTo>
                      <a:pt x="20" y="12"/>
                    </a:lnTo>
                    <a:lnTo>
                      <a:pt x="13" y="22"/>
                    </a:lnTo>
                    <a:lnTo>
                      <a:pt x="6" y="34"/>
                    </a:lnTo>
                    <a:lnTo>
                      <a:pt x="0" y="46"/>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6" name="Freeform 1190"/>
              <p:cNvSpPr>
                <a:spLocks/>
              </p:cNvSpPr>
              <p:nvPr/>
            </p:nvSpPr>
            <p:spPr bwMode="auto">
              <a:xfrm>
                <a:off x="7097876" y="1945368"/>
                <a:ext cx="9907" cy="48705"/>
              </a:xfrm>
              <a:custGeom>
                <a:avLst/>
                <a:gdLst/>
                <a:ahLst/>
                <a:cxnLst>
                  <a:cxn ang="0">
                    <a:pos x="10" y="51"/>
                  </a:cxn>
                  <a:cxn ang="0">
                    <a:pos x="7" y="37"/>
                  </a:cxn>
                  <a:cxn ang="0">
                    <a:pos x="3" y="25"/>
                  </a:cxn>
                  <a:cxn ang="0">
                    <a:pos x="2" y="14"/>
                  </a:cxn>
                  <a:cxn ang="0">
                    <a:pos x="0" y="0"/>
                  </a:cxn>
                </a:cxnLst>
                <a:rect l="0" t="0" r="r" b="b"/>
                <a:pathLst>
                  <a:path w="10" h="51">
                    <a:moveTo>
                      <a:pt x="10" y="51"/>
                    </a:moveTo>
                    <a:lnTo>
                      <a:pt x="7" y="37"/>
                    </a:lnTo>
                    <a:lnTo>
                      <a:pt x="3" y="25"/>
                    </a:lnTo>
                    <a:lnTo>
                      <a:pt x="2" y="14"/>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7" name="Freeform 1189"/>
              <p:cNvSpPr>
                <a:spLocks/>
              </p:cNvSpPr>
              <p:nvPr/>
            </p:nvSpPr>
            <p:spPr bwMode="auto">
              <a:xfrm>
                <a:off x="6772601" y="1647360"/>
                <a:ext cx="123835" cy="179961"/>
              </a:xfrm>
              <a:custGeom>
                <a:avLst/>
                <a:gdLst/>
                <a:ahLst/>
                <a:cxnLst>
                  <a:cxn ang="0">
                    <a:pos x="0" y="187"/>
                  </a:cxn>
                  <a:cxn ang="0">
                    <a:pos x="0" y="187"/>
                  </a:cxn>
                  <a:cxn ang="0">
                    <a:pos x="0" y="185"/>
                  </a:cxn>
                  <a:cxn ang="0">
                    <a:pos x="0" y="170"/>
                  </a:cxn>
                  <a:cxn ang="0">
                    <a:pos x="2" y="156"/>
                  </a:cxn>
                  <a:cxn ang="0">
                    <a:pos x="5" y="141"/>
                  </a:cxn>
                  <a:cxn ang="0">
                    <a:pos x="9" y="127"/>
                  </a:cxn>
                  <a:cxn ang="0">
                    <a:pos x="14" y="114"/>
                  </a:cxn>
                  <a:cxn ang="0">
                    <a:pos x="19" y="100"/>
                  </a:cxn>
                  <a:cxn ang="0">
                    <a:pos x="26" y="88"/>
                  </a:cxn>
                  <a:cxn ang="0">
                    <a:pos x="34" y="76"/>
                  </a:cxn>
                  <a:cxn ang="0">
                    <a:pos x="43" y="64"/>
                  </a:cxn>
                  <a:cxn ang="0">
                    <a:pos x="53" y="52"/>
                  </a:cxn>
                  <a:cxn ang="0">
                    <a:pos x="63" y="42"/>
                  </a:cxn>
                  <a:cxn ang="0">
                    <a:pos x="74" y="32"/>
                  </a:cxn>
                  <a:cxn ang="0">
                    <a:pos x="87" y="22"/>
                  </a:cxn>
                  <a:cxn ang="0">
                    <a:pos x="99" y="13"/>
                  </a:cxn>
                  <a:cxn ang="0">
                    <a:pos x="113" y="6"/>
                  </a:cxn>
                  <a:cxn ang="0">
                    <a:pos x="128" y="0"/>
                  </a:cxn>
                </a:cxnLst>
                <a:rect l="0" t="0" r="r" b="b"/>
                <a:pathLst>
                  <a:path w="128" h="187">
                    <a:moveTo>
                      <a:pt x="0" y="187"/>
                    </a:moveTo>
                    <a:lnTo>
                      <a:pt x="0" y="187"/>
                    </a:lnTo>
                    <a:lnTo>
                      <a:pt x="0" y="185"/>
                    </a:lnTo>
                    <a:lnTo>
                      <a:pt x="0" y="170"/>
                    </a:lnTo>
                    <a:lnTo>
                      <a:pt x="2" y="156"/>
                    </a:lnTo>
                    <a:lnTo>
                      <a:pt x="5" y="141"/>
                    </a:lnTo>
                    <a:lnTo>
                      <a:pt x="9" y="127"/>
                    </a:lnTo>
                    <a:lnTo>
                      <a:pt x="14" y="114"/>
                    </a:lnTo>
                    <a:lnTo>
                      <a:pt x="19" y="100"/>
                    </a:lnTo>
                    <a:lnTo>
                      <a:pt x="26" y="88"/>
                    </a:lnTo>
                    <a:lnTo>
                      <a:pt x="34" y="76"/>
                    </a:lnTo>
                    <a:lnTo>
                      <a:pt x="43" y="64"/>
                    </a:lnTo>
                    <a:lnTo>
                      <a:pt x="53" y="52"/>
                    </a:lnTo>
                    <a:lnTo>
                      <a:pt x="63" y="42"/>
                    </a:lnTo>
                    <a:lnTo>
                      <a:pt x="74" y="32"/>
                    </a:lnTo>
                    <a:lnTo>
                      <a:pt x="87" y="22"/>
                    </a:lnTo>
                    <a:lnTo>
                      <a:pt x="99" y="13"/>
                    </a:lnTo>
                    <a:lnTo>
                      <a:pt x="113" y="6"/>
                    </a:lnTo>
                    <a:lnTo>
                      <a:pt x="128"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8" name="Freeform 1188"/>
              <p:cNvSpPr>
                <a:spLocks/>
              </p:cNvSpPr>
              <p:nvPr/>
            </p:nvSpPr>
            <p:spPr bwMode="auto">
              <a:xfrm>
                <a:off x="6605011" y="1451715"/>
                <a:ext cx="56139" cy="68517"/>
              </a:xfrm>
              <a:custGeom>
                <a:avLst/>
                <a:gdLst/>
                <a:ahLst/>
                <a:cxnLst>
                  <a:cxn ang="0">
                    <a:pos x="58" y="71"/>
                  </a:cxn>
                  <a:cxn ang="0">
                    <a:pos x="48" y="63"/>
                  </a:cxn>
                  <a:cxn ang="0">
                    <a:pos x="40" y="56"/>
                  </a:cxn>
                  <a:cxn ang="0">
                    <a:pos x="31" y="47"/>
                  </a:cxn>
                  <a:cxn ang="0">
                    <a:pos x="24" y="39"/>
                  </a:cxn>
                  <a:cxn ang="0">
                    <a:pos x="17" y="30"/>
                  </a:cxn>
                  <a:cxn ang="0">
                    <a:pos x="11" y="20"/>
                  </a:cxn>
                  <a:cxn ang="0">
                    <a:pos x="6" y="10"/>
                  </a:cxn>
                  <a:cxn ang="0">
                    <a:pos x="0" y="0"/>
                  </a:cxn>
                </a:cxnLst>
                <a:rect l="0" t="0" r="r" b="b"/>
                <a:pathLst>
                  <a:path w="58" h="71">
                    <a:moveTo>
                      <a:pt x="58" y="71"/>
                    </a:moveTo>
                    <a:lnTo>
                      <a:pt x="48" y="63"/>
                    </a:lnTo>
                    <a:lnTo>
                      <a:pt x="40" y="56"/>
                    </a:lnTo>
                    <a:lnTo>
                      <a:pt x="31" y="47"/>
                    </a:lnTo>
                    <a:lnTo>
                      <a:pt x="24" y="39"/>
                    </a:lnTo>
                    <a:lnTo>
                      <a:pt x="17" y="30"/>
                    </a:lnTo>
                    <a:lnTo>
                      <a:pt x="11" y="20"/>
                    </a:lnTo>
                    <a:lnTo>
                      <a:pt x="6" y="10"/>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9" name="Freeform 1187"/>
              <p:cNvSpPr>
                <a:spLocks/>
              </p:cNvSpPr>
              <p:nvPr/>
            </p:nvSpPr>
            <p:spPr bwMode="auto">
              <a:xfrm>
                <a:off x="6735451" y="1200761"/>
                <a:ext cx="1651" cy="33020"/>
              </a:xfrm>
              <a:custGeom>
                <a:avLst/>
                <a:gdLst/>
                <a:ahLst/>
                <a:cxnLst>
                  <a:cxn ang="0">
                    <a:pos x="0" y="34"/>
                  </a:cxn>
                  <a:cxn ang="0">
                    <a:pos x="0" y="31"/>
                  </a:cxn>
                  <a:cxn ang="0">
                    <a:pos x="0" y="15"/>
                  </a:cxn>
                  <a:cxn ang="0">
                    <a:pos x="2" y="0"/>
                  </a:cxn>
                </a:cxnLst>
                <a:rect l="0" t="0" r="r" b="b"/>
                <a:pathLst>
                  <a:path w="2" h="34">
                    <a:moveTo>
                      <a:pt x="0" y="34"/>
                    </a:moveTo>
                    <a:lnTo>
                      <a:pt x="0" y="31"/>
                    </a:lnTo>
                    <a:lnTo>
                      <a:pt x="0" y="15"/>
                    </a:lnTo>
                    <a:lnTo>
                      <a:pt x="2"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0" name="Freeform 1186"/>
              <p:cNvSpPr>
                <a:spLocks/>
              </p:cNvSpPr>
              <p:nvPr/>
            </p:nvSpPr>
            <p:spPr bwMode="auto">
              <a:xfrm>
                <a:off x="7060725" y="1122338"/>
                <a:ext cx="28069" cy="41275"/>
              </a:xfrm>
              <a:custGeom>
                <a:avLst/>
                <a:gdLst/>
                <a:ahLst/>
                <a:cxnLst>
                  <a:cxn ang="0">
                    <a:pos x="0" y="0"/>
                  </a:cxn>
                  <a:cxn ang="0">
                    <a:pos x="8" y="10"/>
                  </a:cxn>
                  <a:cxn ang="0">
                    <a:pos x="15" y="20"/>
                  </a:cxn>
                  <a:cxn ang="0">
                    <a:pos x="22" y="32"/>
                  </a:cxn>
                  <a:cxn ang="0">
                    <a:pos x="29" y="43"/>
                  </a:cxn>
                </a:cxnLst>
                <a:rect l="0" t="0" r="r" b="b"/>
                <a:pathLst>
                  <a:path w="29" h="43">
                    <a:moveTo>
                      <a:pt x="0" y="0"/>
                    </a:moveTo>
                    <a:lnTo>
                      <a:pt x="8" y="10"/>
                    </a:lnTo>
                    <a:lnTo>
                      <a:pt x="15" y="20"/>
                    </a:lnTo>
                    <a:lnTo>
                      <a:pt x="22" y="32"/>
                    </a:lnTo>
                    <a:lnTo>
                      <a:pt x="29" y="43"/>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1" name="Freeform 1185"/>
              <p:cNvSpPr>
                <a:spLocks/>
              </p:cNvSpPr>
              <p:nvPr/>
            </p:nvSpPr>
            <p:spPr bwMode="auto">
              <a:xfrm>
                <a:off x="7338942" y="1147103"/>
                <a:ext cx="13209" cy="35497"/>
              </a:xfrm>
              <a:custGeom>
                <a:avLst/>
                <a:gdLst/>
                <a:ahLst/>
                <a:cxnLst>
                  <a:cxn ang="0">
                    <a:pos x="0" y="0"/>
                  </a:cxn>
                  <a:cxn ang="0">
                    <a:pos x="4" y="8"/>
                  </a:cxn>
                  <a:cxn ang="0">
                    <a:pos x="9" y="18"/>
                  </a:cxn>
                  <a:cxn ang="0">
                    <a:pos x="12" y="27"/>
                  </a:cxn>
                  <a:cxn ang="0">
                    <a:pos x="14" y="37"/>
                  </a:cxn>
                </a:cxnLst>
                <a:rect l="0" t="0" r="r" b="b"/>
                <a:pathLst>
                  <a:path w="14" h="37">
                    <a:moveTo>
                      <a:pt x="0" y="0"/>
                    </a:moveTo>
                    <a:lnTo>
                      <a:pt x="4" y="8"/>
                    </a:lnTo>
                    <a:lnTo>
                      <a:pt x="9" y="18"/>
                    </a:lnTo>
                    <a:lnTo>
                      <a:pt x="12" y="27"/>
                    </a:lnTo>
                    <a:lnTo>
                      <a:pt x="14" y="37"/>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2" name="Freeform 1184"/>
              <p:cNvSpPr>
                <a:spLocks/>
              </p:cNvSpPr>
              <p:nvPr/>
            </p:nvSpPr>
            <p:spPr bwMode="auto">
              <a:xfrm>
                <a:off x="7610554" y="1196633"/>
                <a:ext cx="48709" cy="34671"/>
              </a:xfrm>
              <a:custGeom>
                <a:avLst/>
                <a:gdLst/>
                <a:ahLst/>
                <a:cxnLst>
                  <a:cxn ang="0">
                    <a:pos x="0" y="36"/>
                  </a:cxn>
                  <a:cxn ang="0">
                    <a:pos x="12" y="25"/>
                  </a:cxn>
                  <a:cxn ang="0">
                    <a:pos x="24" y="15"/>
                  </a:cxn>
                  <a:cxn ang="0">
                    <a:pos x="37" y="7"/>
                  </a:cxn>
                  <a:cxn ang="0">
                    <a:pos x="51" y="0"/>
                  </a:cxn>
                </a:cxnLst>
                <a:rect l="0" t="0" r="r" b="b"/>
                <a:pathLst>
                  <a:path w="51" h="36">
                    <a:moveTo>
                      <a:pt x="0" y="36"/>
                    </a:moveTo>
                    <a:lnTo>
                      <a:pt x="12" y="25"/>
                    </a:lnTo>
                    <a:lnTo>
                      <a:pt x="24" y="15"/>
                    </a:lnTo>
                    <a:lnTo>
                      <a:pt x="37" y="7"/>
                    </a:lnTo>
                    <a:lnTo>
                      <a:pt x="51"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3" name="Freeform 1183"/>
              <p:cNvSpPr>
                <a:spLocks/>
              </p:cNvSpPr>
              <p:nvPr/>
            </p:nvSpPr>
            <p:spPr bwMode="auto">
              <a:xfrm>
                <a:off x="8034071" y="1428601"/>
                <a:ext cx="9081" cy="36322"/>
              </a:xfrm>
              <a:custGeom>
                <a:avLst/>
                <a:gdLst/>
                <a:ahLst/>
                <a:cxnLst>
                  <a:cxn ang="0">
                    <a:pos x="10" y="0"/>
                  </a:cxn>
                  <a:cxn ang="0">
                    <a:pos x="5" y="19"/>
                  </a:cxn>
                  <a:cxn ang="0">
                    <a:pos x="0" y="37"/>
                  </a:cxn>
                </a:cxnLst>
                <a:rect l="0" t="0" r="r" b="b"/>
                <a:pathLst>
                  <a:path w="10" h="37">
                    <a:moveTo>
                      <a:pt x="10" y="0"/>
                    </a:moveTo>
                    <a:lnTo>
                      <a:pt x="5" y="19"/>
                    </a:lnTo>
                    <a:lnTo>
                      <a:pt x="0" y="37"/>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pic>
            <p:nvPicPr>
              <p:cNvPr id="124" name="Picture 1182"/>
              <p:cNvPicPr>
                <a:picLocks noChangeAspect="1" noChangeArrowheads="1"/>
              </p:cNvPicPr>
              <p:nvPr/>
            </p:nvPicPr>
            <p:blipFill>
              <a:blip r:embed="rId5" cstate="print"/>
              <a:srcRect/>
              <a:stretch>
                <a:fillRect/>
              </a:stretch>
            </p:blipFill>
            <p:spPr bwMode="auto">
              <a:xfrm>
                <a:off x="6856809" y="1459970"/>
                <a:ext cx="1066636" cy="359096"/>
              </a:xfrm>
              <a:prstGeom prst="rect">
                <a:avLst/>
              </a:prstGeom>
              <a:noFill/>
            </p:spPr>
          </p:pic>
          <p:pic>
            <p:nvPicPr>
              <p:cNvPr id="125" name="Picture 1181"/>
              <p:cNvPicPr>
                <a:picLocks noChangeAspect="1" noChangeArrowheads="1"/>
              </p:cNvPicPr>
              <p:nvPr/>
            </p:nvPicPr>
            <p:blipFill>
              <a:blip r:embed="rId6" cstate="print"/>
              <a:srcRect/>
              <a:stretch>
                <a:fillRect/>
              </a:stretch>
            </p:blipFill>
            <p:spPr bwMode="auto">
              <a:xfrm>
                <a:off x="3018737" y="1209016"/>
                <a:ext cx="1097182" cy="718191"/>
              </a:xfrm>
              <a:prstGeom prst="rect">
                <a:avLst/>
              </a:prstGeom>
              <a:noFill/>
            </p:spPr>
          </p:pic>
          <p:pic>
            <p:nvPicPr>
              <p:cNvPr id="126" name="Picture 1180"/>
              <p:cNvPicPr>
                <a:picLocks noChangeAspect="1" noChangeArrowheads="1"/>
              </p:cNvPicPr>
              <p:nvPr/>
            </p:nvPicPr>
            <p:blipFill>
              <a:blip r:embed="rId7" cstate="print"/>
              <a:srcRect/>
              <a:stretch>
                <a:fillRect/>
              </a:stretch>
            </p:blipFill>
            <p:spPr bwMode="auto">
              <a:xfrm>
                <a:off x="3018737" y="1209016"/>
                <a:ext cx="1097182" cy="718191"/>
              </a:xfrm>
              <a:prstGeom prst="rect">
                <a:avLst/>
              </a:prstGeom>
              <a:noFill/>
            </p:spPr>
          </p:pic>
          <p:pic>
            <p:nvPicPr>
              <p:cNvPr id="127" name="Picture 1179"/>
              <p:cNvPicPr>
                <a:picLocks noChangeAspect="1" noChangeArrowheads="1"/>
              </p:cNvPicPr>
              <p:nvPr/>
            </p:nvPicPr>
            <p:blipFill>
              <a:blip r:embed="rId8" cstate="print"/>
              <a:srcRect/>
              <a:stretch>
                <a:fillRect/>
              </a:stretch>
            </p:blipFill>
            <p:spPr bwMode="auto">
              <a:xfrm>
                <a:off x="4773072" y="843316"/>
                <a:ext cx="772733" cy="722319"/>
              </a:xfrm>
              <a:prstGeom prst="rect">
                <a:avLst/>
              </a:prstGeom>
              <a:noFill/>
            </p:spPr>
          </p:pic>
          <p:sp>
            <p:nvSpPr>
              <p:cNvPr id="128" name="Rectangle 1178"/>
              <p:cNvSpPr>
                <a:spLocks noChangeArrowheads="1"/>
              </p:cNvSpPr>
              <p:nvPr/>
            </p:nvSpPr>
            <p:spPr bwMode="auto">
              <a:xfrm>
                <a:off x="3713041" y="2695754"/>
                <a:ext cx="2293432" cy="2074500"/>
              </a:xfrm>
              <a:prstGeom prst="rect">
                <a:avLst/>
              </a:prstGeom>
              <a:solidFill>
                <a:srgbClr val="C7C2BA"/>
              </a:solidFill>
              <a:ln w="9525">
                <a:noFill/>
                <a:miter lim="800000"/>
                <a:headEnd/>
                <a:tailEnd/>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txBody>
              <a:bodyPr vert="horz" wrap="square" lIns="91440" tIns="45720" rIns="91440" bIns="45720" numCol="1" anchor="ctr" anchorCtr="0" compatLnSpc="1">
                <a:prstTxWarp prst="textNoShape">
                  <a:avLst/>
                </a:prstTxWarp>
              </a:bodyPr>
              <a:lstStyle/>
              <a:p>
                <a:r>
                  <a:rPr lang="en-GB" dirty="0" smtClean="0"/>
                  <a:t>PASS</a:t>
                </a:r>
                <a:endParaRPr lang="en-GB" dirty="0"/>
              </a:p>
            </p:txBody>
          </p:sp>
          <p:sp>
            <p:nvSpPr>
              <p:cNvPr id="129" name="Freeform 1169"/>
              <p:cNvSpPr>
                <a:spLocks/>
              </p:cNvSpPr>
              <p:nvPr/>
            </p:nvSpPr>
            <p:spPr bwMode="auto">
              <a:xfrm>
                <a:off x="4644008" y="926692"/>
                <a:ext cx="1872208" cy="1149106"/>
              </a:xfrm>
              <a:custGeom>
                <a:avLst/>
                <a:gdLst/>
                <a:ahLst/>
                <a:cxnLst>
                  <a:cxn ang="0">
                    <a:pos x="1621" y="402"/>
                  </a:cxn>
                  <a:cxn ang="0">
                    <a:pos x="1683" y="466"/>
                  </a:cxn>
                  <a:cxn ang="0">
                    <a:pos x="1700" y="546"/>
                  </a:cxn>
                  <a:cxn ang="0">
                    <a:pos x="1683" y="604"/>
                  </a:cxn>
                  <a:cxn ang="0">
                    <a:pos x="1644" y="651"/>
                  </a:cxn>
                  <a:cxn ang="0">
                    <a:pos x="1637" y="692"/>
                  </a:cxn>
                  <a:cxn ang="0">
                    <a:pos x="1664" y="776"/>
                  </a:cxn>
                  <a:cxn ang="0">
                    <a:pos x="1650" y="836"/>
                  </a:cxn>
                  <a:cxn ang="0">
                    <a:pos x="1587" y="905"/>
                  </a:cxn>
                  <a:cxn ang="0">
                    <a:pos x="1492" y="931"/>
                  </a:cxn>
                  <a:cxn ang="0">
                    <a:pos x="1437" y="977"/>
                  </a:cxn>
                  <a:cxn ang="0">
                    <a:pos x="1344" y="1042"/>
                  </a:cxn>
                  <a:cxn ang="0">
                    <a:pos x="1229" y="1071"/>
                  </a:cxn>
                  <a:cxn ang="0">
                    <a:pos x="1108" y="1056"/>
                  </a:cxn>
                  <a:cxn ang="0">
                    <a:pos x="1033" y="1056"/>
                  </a:cxn>
                  <a:cxn ang="0">
                    <a:pos x="957" y="1112"/>
                  </a:cxn>
                  <a:cxn ang="0">
                    <a:pos x="865" y="1137"/>
                  </a:cxn>
                  <a:cxn ang="0">
                    <a:pos x="747" y="1127"/>
                  </a:cxn>
                  <a:cxn ang="0">
                    <a:pos x="641" y="1067"/>
                  </a:cxn>
                  <a:cxn ang="0">
                    <a:pos x="578" y="967"/>
                  </a:cxn>
                  <a:cxn ang="0">
                    <a:pos x="503" y="996"/>
                  </a:cxn>
                  <a:cxn ang="0">
                    <a:pos x="421" y="998"/>
                  </a:cxn>
                  <a:cxn ang="0">
                    <a:pos x="358" y="980"/>
                  </a:cxn>
                  <a:cxn ang="0">
                    <a:pos x="268" y="909"/>
                  </a:cxn>
                  <a:cxn ang="0">
                    <a:pos x="239" y="856"/>
                  </a:cxn>
                  <a:cxn ang="0">
                    <a:pos x="229" y="795"/>
                  </a:cxn>
                  <a:cxn ang="0">
                    <a:pos x="171" y="779"/>
                  </a:cxn>
                  <a:cxn ang="0">
                    <a:pos x="65" y="713"/>
                  </a:cxn>
                  <a:cxn ang="0">
                    <a:pos x="22" y="650"/>
                  </a:cxn>
                  <a:cxn ang="0">
                    <a:pos x="2" y="587"/>
                  </a:cxn>
                  <a:cxn ang="0">
                    <a:pos x="2" y="524"/>
                  </a:cxn>
                  <a:cxn ang="0">
                    <a:pos x="22" y="455"/>
                  </a:cxn>
                  <a:cxn ang="0">
                    <a:pos x="48" y="385"/>
                  </a:cxn>
                  <a:cxn ang="0">
                    <a:pos x="39" y="329"/>
                  </a:cxn>
                  <a:cxn ang="0">
                    <a:pos x="63" y="239"/>
                  </a:cxn>
                  <a:cxn ang="0">
                    <a:pos x="131" y="169"/>
                  </a:cxn>
                  <a:cxn ang="0">
                    <a:pos x="196" y="128"/>
                  </a:cxn>
                  <a:cxn ang="0">
                    <a:pos x="246" y="51"/>
                  </a:cxn>
                  <a:cxn ang="0">
                    <a:pos x="331" y="5"/>
                  </a:cxn>
                  <a:cxn ang="0">
                    <a:pos x="413" y="2"/>
                  </a:cxn>
                  <a:cxn ang="0">
                    <a:pos x="471" y="21"/>
                  </a:cxn>
                  <a:cxn ang="0">
                    <a:pos x="527" y="61"/>
                  </a:cxn>
                  <a:cxn ang="0">
                    <a:pos x="578" y="21"/>
                  </a:cxn>
                  <a:cxn ang="0">
                    <a:pos x="634" y="2"/>
                  </a:cxn>
                  <a:cxn ang="0">
                    <a:pos x="699" y="3"/>
                  </a:cxn>
                  <a:cxn ang="0">
                    <a:pos x="764" y="29"/>
                  </a:cxn>
                  <a:cxn ang="0">
                    <a:pos x="812" y="77"/>
                  </a:cxn>
                  <a:cxn ang="0">
                    <a:pos x="885" y="48"/>
                  </a:cxn>
                  <a:cxn ang="0">
                    <a:pos x="953" y="34"/>
                  </a:cxn>
                  <a:cxn ang="0">
                    <a:pos x="1033" y="44"/>
                  </a:cxn>
                  <a:cxn ang="0">
                    <a:pos x="1107" y="85"/>
                  </a:cxn>
                  <a:cxn ang="0">
                    <a:pos x="1151" y="136"/>
                  </a:cxn>
                  <a:cxn ang="0">
                    <a:pos x="1250" y="106"/>
                  </a:cxn>
                  <a:cxn ang="0">
                    <a:pos x="1338" y="109"/>
                  </a:cxn>
                  <a:cxn ang="0">
                    <a:pos x="1412" y="133"/>
                  </a:cxn>
                  <a:cxn ang="0">
                    <a:pos x="1473" y="176"/>
                  </a:cxn>
                  <a:cxn ang="0">
                    <a:pos x="1519" y="230"/>
                  </a:cxn>
                  <a:cxn ang="0">
                    <a:pos x="1545" y="297"/>
                  </a:cxn>
                  <a:cxn ang="0">
                    <a:pos x="1548" y="379"/>
                  </a:cxn>
                </a:cxnLst>
                <a:rect l="0" t="0" r="r" b="b"/>
                <a:pathLst>
                  <a:path w="1702" h="1141">
                    <a:moveTo>
                      <a:pt x="1548" y="379"/>
                    </a:moveTo>
                    <a:lnTo>
                      <a:pt x="1563" y="380"/>
                    </a:lnTo>
                    <a:lnTo>
                      <a:pt x="1579" y="385"/>
                    </a:lnTo>
                    <a:lnTo>
                      <a:pt x="1594" y="389"/>
                    </a:lnTo>
                    <a:lnTo>
                      <a:pt x="1608" y="396"/>
                    </a:lnTo>
                    <a:lnTo>
                      <a:pt x="1621" y="402"/>
                    </a:lnTo>
                    <a:lnTo>
                      <a:pt x="1635" y="411"/>
                    </a:lnTo>
                    <a:lnTo>
                      <a:pt x="1647" y="420"/>
                    </a:lnTo>
                    <a:lnTo>
                      <a:pt x="1657" y="430"/>
                    </a:lnTo>
                    <a:lnTo>
                      <a:pt x="1667" y="440"/>
                    </a:lnTo>
                    <a:lnTo>
                      <a:pt x="1676" y="452"/>
                    </a:lnTo>
                    <a:lnTo>
                      <a:pt x="1683" y="466"/>
                    </a:lnTo>
                    <a:lnTo>
                      <a:pt x="1690" y="477"/>
                    </a:lnTo>
                    <a:lnTo>
                      <a:pt x="1695" y="491"/>
                    </a:lnTo>
                    <a:lnTo>
                      <a:pt x="1698" y="505"/>
                    </a:lnTo>
                    <a:lnTo>
                      <a:pt x="1700" y="520"/>
                    </a:lnTo>
                    <a:lnTo>
                      <a:pt x="1702" y="535"/>
                    </a:lnTo>
                    <a:lnTo>
                      <a:pt x="1700" y="546"/>
                    </a:lnTo>
                    <a:lnTo>
                      <a:pt x="1700" y="556"/>
                    </a:lnTo>
                    <a:lnTo>
                      <a:pt x="1698" y="566"/>
                    </a:lnTo>
                    <a:lnTo>
                      <a:pt x="1695" y="576"/>
                    </a:lnTo>
                    <a:lnTo>
                      <a:pt x="1691" y="585"/>
                    </a:lnTo>
                    <a:lnTo>
                      <a:pt x="1688" y="595"/>
                    </a:lnTo>
                    <a:lnTo>
                      <a:pt x="1683" y="604"/>
                    </a:lnTo>
                    <a:lnTo>
                      <a:pt x="1678" y="614"/>
                    </a:lnTo>
                    <a:lnTo>
                      <a:pt x="1673" y="622"/>
                    </a:lnTo>
                    <a:lnTo>
                      <a:pt x="1666" y="629"/>
                    </a:lnTo>
                    <a:lnTo>
                      <a:pt x="1659" y="638"/>
                    </a:lnTo>
                    <a:lnTo>
                      <a:pt x="1652" y="645"/>
                    </a:lnTo>
                    <a:lnTo>
                      <a:pt x="1644" y="651"/>
                    </a:lnTo>
                    <a:lnTo>
                      <a:pt x="1635" y="658"/>
                    </a:lnTo>
                    <a:lnTo>
                      <a:pt x="1627" y="665"/>
                    </a:lnTo>
                    <a:lnTo>
                      <a:pt x="1616" y="670"/>
                    </a:lnTo>
                    <a:lnTo>
                      <a:pt x="1618" y="668"/>
                    </a:lnTo>
                    <a:lnTo>
                      <a:pt x="1628" y="680"/>
                    </a:lnTo>
                    <a:lnTo>
                      <a:pt x="1637" y="692"/>
                    </a:lnTo>
                    <a:lnTo>
                      <a:pt x="1645" y="704"/>
                    </a:lnTo>
                    <a:lnTo>
                      <a:pt x="1652" y="718"/>
                    </a:lnTo>
                    <a:lnTo>
                      <a:pt x="1657" y="732"/>
                    </a:lnTo>
                    <a:lnTo>
                      <a:pt x="1661" y="745"/>
                    </a:lnTo>
                    <a:lnTo>
                      <a:pt x="1662" y="761"/>
                    </a:lnTo>
                    <a:lnTo>
                      <a:pt x="1664" y="776"/>
                    </a:lnTo>
                    <a:lnTo>
                      <a:pt x="1664" y="783"/>
                    </a:lnTo>
                    <a:lnTo>
                      <a:pt x="1662" y="791"/>
                    </a:lnTo>
                    <a:lnTo>
                      <a:pt x="1662" y="800"/>
                    </a:lnTo>
                    <a:lnTo>
                      <a:pt x="1661" y="807"/>
                    </a:lnTo>
                    <a:lnTo>
                      <a:pt x="1655" y="822"/>
                    </a:lnTo>
                    <a:lnTo>
                      <a:pt x="1650" y="836"/>
                    </a:lnTo>
                    <a:lnTo>
                      <a:pt x="1644" y="849"/>
                    </a:lnTo>
                    <a:lnTo>
                      <a:pt x="1635" y="863"/>
                    </a:lnTo>
                    <a:lnTo>
                      <a:pt x="1625" y="875"/>
                    </a:lnTo>
                    <a:lnTo>
                      <a:pt x="1613" y="885"/>
                    </a:lnTo>
                    <a:lnTo>
                      <a:pt x="1601" y="895"/>
                    </a:lnTo>
                    <a:lnTo>
                      <a:pt x="1587" y="905"/>
                    </a:lnTo>
                    <a:lnTo>
                      <a:pt x="1574" y="912"/>
                    </a:lnTo>
                    <a:lnTo>
                      <a:pt x="1558" y="919"/>
                    </a:lnTo>
                    <a:lnTo>
                      <a:pt x="1543" y="924"/>
                    </a:lnTo>
                    <a:lnTo>
                      <a:pt x="1526" y="928"/>
                    </a:lnTo>
                    <a:lnTo>
                      <a:pt x="1509" y="931"/>
                    </a:lnTo>
                    <a:lnTo>
                      <a:pt x="1492" y="931"/>
                    </a:lnTo>
                    <a:lnTo>
                      <a:pt x="1482" y="931"/>
                    </a:lnTo>
                    <a:lnTo>
                      <a:pt x="1471" y="931"/>
                    </a:lnTo>
                    <a:lnTo>
                      <a:pt x="1473" y="931"/>
                    </a:lnTo>
                    <a:lnTo>
                      <a:pt x="1463" y="948"/>
                    </a:lnTo>
                    <a:lnTo>
                      <a:pt x="1451" y="962"/>
                    </a:lnTo>
                    <a:lnTo>
                      <a:pt x="1437" y="977"/>
                    </a:lnTo>
                    <a:lnTo>
                      <a:pt x="1424" y="991"/>
                    </a:lnTo>
                    <a:lnTo>
                      <a:pt x="1410" y="1003"/>
                    </a:lnTo>
                    <a:lnTo>
                      <a:pt x="1395" y="1015"/>
                    </a:lnTo>
                    <a:lnTo>
                      <a:pt x="1378" y="1025"/>
                    </a:lnTo>
                    <a:lnTo>
                      <a:pt x="1362" y="1033"/>
                    </a:lnTo>
                    <a:lnTo>
                      <a:pt x="1344" y="1042"/>
                    </a:lnTo>
                    <a:lnTo>
                      <a:pt x="1326" y="1050"/>
                    </a:lnTo>
                    <a:lnTo>
                      <a:pt x="1308" y="1057"/>
                    </a:lnTo>
                    <a:lnTo>
                      <a:pt x="1289" y="1062"/>
                    </a:lnTo>
                    <a:lnTo>
                      <a:pt x="1269" y="1066"/>
                    </a:lnTo>
                    <a:lnTo>
                      <a:pt x="1250" y="1069"/>
                    </a:lnTo>
                    <a:lnTo>
                      <a:pt x="1229" y="1071"/>
                    </a:lnTo>
                    <a:lnTo>
                      <a:pt x="1209" y="1071"/>
                    </a:lnTo>
                    <a:lnTo>
                      <a:pt x="1188" y="1071"/>
                    </a:lnTo>
                    <a:lnTo>
                      <a:pt x="1168" y="1069"/>
                    </a:lnTo>
                    <a:lnTo>
                      <a:pt x="1147" y="1066"/>
                    </a:lnTo>
                    <a:lnTo>
                      <a:pt x="1127" y="1061"/>
                    </a:lnTo>
                    <a:lnTo>
                      <a:pt x="1108" y="1056"/>
                    </a:lnTo>
                    <a:lnTo>
                      <a:pt x="1090" y="1049"/>
                    </a:lnTo>
                    <a:lnTo>
                      <a:pt x="1071" y="1040"/>
                    </a:lnTo>
                    <a:lnTo>
                      <a:pt x="1052" y="1032"/>
                    </a:lnTo>
                    <a:lnTo>
                      <a:pt x="1054" y="1032"/>
                    </a:lnTo>
                    <a:lnTo>
                      <a:pt x="1044" y="1044"/>
                    </a:lnTo>
                    <a:lnTo>
                      <a:pt x="1033" y="1056"/>
                    </a:lnTo>
                    <a:lnTo>
                      <a:pt x="1021" y="1067"/>
                    </a:lnTo>
                    <a:lnTo>
                      <a:pt x="1009" y="1078"/>
                    </a:lnTo>
                    <a:lnTo>
                      <a:pt x="997" y="1086"/>
                    </a:lnTo>
                    <a:lnTo>
                      <a:pt x="986" y="1096"/>
                    </a:lnTo>
                    <a:lnTo>
                      <a:pt x="972" y="1103"/>
                    </a:lnTo>
                    <a:lnTo>
                      <a:pt x="957" y="1112"/>
                    </a:lnTo>
                    <a:lnTo>
                      <a:pt x="943" y="1119"/>
                    </a:lnTo>
                    <a:lnTo>
                      <a:pt x="928" y="1124"/>
                    </a:lnTo>
                    <a:lnTo>
                      <a:pt x="912" y="1129"/>
                    </a:lnTo>
                    <a:lnTo>
                      <a:pt x="897" y="1132"/>
                    </a:lnTo>
                    <a:lnTo>
                      <a:pt x="882" y="1136"/>
                    </a:lnTo>
                    <a:lnTo>
                      <a:pt x="865" y="1137"/>
                    </a:lnTo>
                    <a:lnTo>
                      <a:pt x="849" y="1139"/>
                    </a:lnTo>
                    <a:lnTo>
                      <a:pt x="832" y="1141"/>
                    </a:lnTo>
                    <a:lnTo>
                      <a:pt x="810" y="1139"/>
                    </a:lnTo>
                    <a:lnTo>
                      <a:pt x="789" y="1137"/>
                    </a:lnTo>
                    <a:lnTo>
                      <a:pt x="767" y="1132"/>
                    </a:lnTo>
                    <a:lnTo>
                      <a:pt x="747" y="1127"/>
                    </a:lnTo>
                    <a:lnTo>
                      <a:pt x="728" y="1120"/>
                    </a:lnTo>
                    <a:lnTo>
                      <a:pt x="709" y="1112"/>
                    </a:lnTo>
                    <a:lnTo>
                      <a:pt x="691" y="1103"/>
                    </a:lnTo>
                    <a:lnTo>
                      <a:pt x="674" y="1091"/>
                    </a:lnTo>
                    <a:lnTo>
                      <a:pt x="657" y="1079"/>
                    </a:lnTo>
                    <a:lnTo>
                      <a:pt x="641" y="1067"/>
                    </a:lnTo>
                    <a:lnTo>
                      <a:pt x="628" y="1052"/>
                    </a:lnTo>
                    <a:lnTo>
                      <a:pt x="616" y="1037"/>
                    </a:lnTo>
                    <a:lnTo>
                      <a:pt x="604" y="1021"/>
                    </a:lnTo>
                    <a:lnTo>
                      <a:pt x="593" y="1004"/>
                    </a:lnTo>
                    <a:lnTo>
                      <a:pt x="585" y="986"/>
                    </a:lnTo>
                    <a:lnTo>
                      <a:pt x="578" y="967"/>
                    </a:lnTo>
                    <a:lnTo>
                      <a:pt x="576" y="969"/>
                    </a:lnTo>
                    <a:lnTo>
                      <a:pt x="563" y="975"/>
                    </a:lnTo>
                    <a:lnTo>
                      <a:pt x="549" y="982"/>
                    </a:lnTo>
                    <a:lnTo>
                      <a:pt x="534" y="987"/>
                    </a:lnTo>
                    <a:lnTo>
                      <a:pt x="518" y="992"/>
                    </a:lnTo>
                    <a:lnTo>
                      <a:pt x="503" y="996"/>
                    </a:lnTo>
                    <a:lnTo>
                      <a:pt x="488" y="998"/>
                    </a:lnTo>
                    <a:lnTo>
                      <a:pt x="472" y="999"/>
                    </a:lnTo>
                    <a:lnTo>
                      <a:pt x="457" y="999"/>
                    </a:lnTo>
                    <a:lnTo>
                      <a:pt x="445" y="999"/>
                    </a:lnTo>
                    <a:lnTo>
                      <a:pt x="433" y="999"/>
                    </a:lnTo>
                    <a:lnTo>
                      <a:pt x="421" y="998"/>
                    </a:lnTo>
                    <a:lnTo>
                      <a:pt x="411" y="996"/>
                    </a:lnTo>
                    <a:lnTo>
                      <a:pt x="399" y="994"/>
                    </a:lnTo>
                    <a:lnTo>
                      <a:pt x="389" y="991"/>
                    </a:lnTo>
                    <a:lnTo>
                      <a:pt x="379" y="987"/>
                    </a:lnTo>
                    <a:lnTo>
                      <a:pt x="368" y="984"/>
                    </a:lnTo>
                    <a:lnTo>
                      <a:pt x="358" y="980"/>
                    </a:lnTo>
                    <a:lnTo>
                      <a:pt x="348" y="975"/>
                    </a:lnTo>
                    <a:lnTo>
                      <a:pt x="329" y="965"/>
                    </a:lnTo>
                    <a:lnTo>
                      <a:pt x="312" y="953"/>
                    </a:lnTo>
                    <a:lnTo>
                      <a:pt x="297" y="940"/>
                    </a:lnTo>
                    <a:lnTo>
                      <a:pt x="281" y="926"/>
                    </a:lnTo>
                    <a:lnTo>
                      <a:pt x="268" y="909"/>
                    </a:lnTo>
                    <a:lnTo>
                      <a:pt x="263" y="900"/>
                    </a:lnTo>
                    <a:lnTo>
                      <a:pt x="258" y="892"/>
                    </a:lnTo>
                    <a:lnTo>
                      <a:pt x="253" y="883"/>
                    </a:lnTo>
                    <a:lnTo>
                      <a:pt x="247" y="875"/>
                    </a:lnTo>
                    <a:lnTo>
                      <a:pt x="242" y="865"/>
                    </a:lnTo>
                    <a:lnTo>
                      <a:pt x="239" y="856"/>
                    </a:lnTo>
                    <a:lnTo>
                      <a:pt x="235" y="846"/>
                    </a:lnTo>
                    <a:lnTo>
                      <a:pt x="234" y="836"/>
                    </a:lnTo>
                    <a:lnTo>
                      <a:pt x="232" y="825"/>
                    </a:lnTo>
                    <a:lnTo>
                      <a:pt x="230" y="815"/>
                    </a:lnTo>
                    <a:lnTo>
                      <a:pt x="229" y="805"/>
                    </a:lnTo>
                    <a:lnTo>
                      <a:pt x="229" y="795"/>
                    </a:lnTo>
                    <a:lnTo>
                      <a:pt x="229" y="793"/>
                    </a:lnTo>
                    <a:lnTo>
                      <a:pt x="217" y="791"/>
                    </a:lnTo>
                    <a:lnTo>
                      <a:pt x="205" y="790"/>
                    </a:lnTo>
                    <a:lnTo>
                      <a:pt x="193" y="786"/>
                    </a:lnTo>
                    <a:lnTo>
                      <a:pt x="181" y="783"/>
                    </a:lnTo>
                    <a:lnTo>
                      <a:pt x="171" y="779"/>
                    </a:lnTo>
                    <a:lnTo>
                      <a:pt x="159" y="776"/>
                    </a:lnTo>
                    <a:lnTo>
                      <a:pt x="138" y="766"/>
                    </a:lnTo>
                    <a:lnTo>
                      <a:pt x="118" y="754"/>
                    </a:lnTo>
                    <a:lnTo>
                      <a:pt x="99" y="742"/>
                    </a:lnTo>
                    <a:lnTo>
                      <a:pt x="82" y="728"/>
                    </a:lnTo>
                    <a:lnTo>
                      <a:pt x="65" y="713"/>
                    </a:lnTo>
                    <a:lnTo>
                      <a:pt x="51" y="696"/>
                    </a:lnTo>
                    <a:lnTo>
                      <a:pt x="45" y="687"/>
                    </a:lnTo>
                    <a:lnTo>
                      <a:pt x="38" y="677"/>
                    </a:lnTo>
                    <a:lnTo>
                      <a:pt x="33" y="668"/>
                    </a:lnTo>
                    <a:lnTo>
                      <a:pt x="27" y="658"/>
                    </a:lnTo>
                    <a:lnTo>
                      <a:pt x="22" y="650"/>
                    </a:lnTo>
                    <a:lnTo>
                      <a:pt x="17" y="639"/>
                    </a:lnTo>
                    <a:lnTo>
                      <a:pt x="14" y="629"/>
                    </a:lnTo>
                    <a:lnTo>
                      <a:pt x="10" y="619"/>
                    </a:lnTo>
                    <a:lnTo>
                      <a:pt x="7" y="607"/>
                    </a:lnTo>
                    <a:lnTo>
                      <a:pt x="5" y="597"/>
                    </a:lnTo>
                    <a:lnTo>
                      <a:pt x="2" y="587"/>
                    </a:lnTo>
                    <a:lnTo>
                      <a:pt x="2" y="575"/>
                    </a:lnTo>
                    <a:lnTo>
                      <a:pt x="0" y="564"/>
                    </a:lnTo>
                    <a:lnTo>
                      <a:pt x="0" y="553"/>
                    </a:lnTo>
                    <a:lnTo>
                      <a:pt x="0" y="542"/>
                    </a:lnTo>
                    <a:lnTo>
                      <a:pt x="0" y="532"/>
                    </a:lnTo>
                    <a:lnTo>
                      <a:pt x="2" y="524"/>
                    </a:lnTo>
                    <a:lnTo>
                      <a:pt x="4" y="513"/>
                    </a:lnTo>
                    <a:lnTo>
                      <a:pt x="5" y="503"/>
                    </a:lnTo>
                    <a:lnTo>
                      <a:pt x="9" y="493"/>
                    </a:lnTo>
                    <a:lnTo>
                      <a:pt x="10" y="484"/>
                    </a:lnTo>
                    <a:lnTo>
                      <a:pt x="14" y="474"/>
                    </a:lnTo>
                    <a:lnTo>
                      <a:pt x="22" y="455"/>
                    </a:lnTo>
                    <a:lnTo>
                      <a:pt x="31" y="438"/>
                    </a:lnTo>
                    <a:lnTo>
                      <a:pt x="43" y="421"/>
                    </a:lnTo>
                    <a:lnTo>
                      <a:pt x="55" y="404"/>
                    </a:lnTo>
                    <a:lnTo>
                      <a:pt x="56" y="404"/>
                    </a:lnTo>
                    <a:lnTo>
                      <a:pt x="51" y="396"/>
                    </a:lnTo>
                    <a:lnTo>
                      <a:pt x="48" y="385"/>
                    </a:lnTo>
                    <a:lnTo>
                      <a:pt x="46" y="377"/>
                    </a:lnTo>
                    <a:lnTo>
                      <a:pt x="43" y="367"/>
                    </a:lnTo>
                    <a:lnTo>
                      <a:pt x="41" y="358"/>
                    </a:lnTo>
                    <a:lnTo>
                      <a:pt x="39" y="348"/>
                    </a:lnTo>
                    <a:lnTo>
                      <a:pt x="39" y="338"/>
                    </a:lnTo>
                    <a:lnTo>
                      <a:pt x="39" y="329"/>
                    </a:lnTo>
                    <a:lnTo>
                      <a:pt x="39" y="312"/>
                    </a:lnTo>
                    <a:lnTo>
                      <a:pt x="41" y="297"/>
                    </a:lnTo>
                    <a:lnTo>
                      <a:pt x="45" y="281"/>
                    </a:lnTo>
                    <a:lnTo>
                      <a:pt x="50" y="266"/>
                    </a:lnTo>
                    <a:lnTo>
                      <a:pt x="56" y="252"/>
                    </a:lnTo>
                    <a:lnTo>
                      <a:pt x="63" y="239"/>
                    </a:lnTo>
                    <a:lnTo>
                      <a:pt x="72" y="225"/>
                    </a:lnTo>
                    <a:lnTo>
                      <a:pt x="82" y="212"/>
                    </a:lnTo>
                    <a:lnTo>
                      <a:pt x="92" y="200"/>
                    </a:lnTo>
                    <a:lnTo>
                      <a:pt x="104" y="189"/>
                    </a:lnTo>
                    <a:lnTo>
                      <a:pt x="118" y="179"/>
                    </a:lnTo>
                    <a:lnTo>
                      <a:pt x="131" y="169"/>
                    </a:lnTo>
                    <a:lnTo>
                      <a:pt x="145" y="162"/>
                    </a:lnTo>
                    <a:lnTo>
                      <a:pt x="160" y="154"/>
                    </a:lnTo>
                    <a:lnTo>
                      <a:pt x="177" y="148"/>
                    </a:lnTo>
                    <a:lnTo>
                      <a:pt x="195" y="143"/>
                    </a:lnTo>
                    <a:lnTo>
                      <a:pt x="193" y="143"/>
                    </a:lnTo>
                    <a:lnTo>
                      <a:pt x="196" y="128"/>
                    </a:lnTo>
                    <a:lnTo>
                      <a:pt x="201" y="113"/>
                    </a:lnTo>
                    <a:lnTo>
                      <a:pt x="208" y="99"/>
                    </a:lnTo>
                    <a:lnTo>
                      <a:pt x="217" y="85"/>
                    </a:lnTo>
                    <a:lnTo>
                      <a:pt x="225" y="73"/>
                    </a:lnTo>
                    <a:lnTo>
                      <a:pt x="235" y="61"/>
                    </a:lnTo>
                    <a:lnTo>
                      <a:pt x="246" y="51"/>
                    </a:lnTo>
                    <a:lnTo>
                      <a:pt x="258" y="41"/>
                    </a:lnTo>
                    <a:lnTo>
                      <a:pt x="271" y="31"/>
                    </a:lnTo>
                    <a:lnTo>
                      <a:pt x="285" y="24"/>
                    </a:lnTo>
                    <a:lnTo>
                      <a:pt x="300" y="17"/>
                    </a:lnTo>
                    <a:lnTo>
                      <a:pt x="316" y="10"/>
                    </a:lnTo>
                    <a:lnTo>
                      <a:pt x="331" y="5"/>
                    </a:lnTo>
                    <a:lnTo>
                      <a:pt x="348" y="3"/>
                    </a:lnTo>
                    <a:lnTo>
                      <a:pt x="363" y="0"/>
                    </a:lnTo>
                    <a:lnTo>
                      <a:pt x="382" y="0"/>
                    </a:lnTo>
                    <a:lnTo>
                      <a:pt x="392" y="0"/>
                    </a:lnTo>
                    <a:lnTo>
                      <a:pt x="403" y="2"/>
                    </a:lnTo>
                    <a:lnTo>
                      <a:pt x="413" y="2"/>
                    </a:lnTo>
                    <a:lnTo>
                      <a:pt x="423" y="3"/>
                    </a:lnTo>
                    <a:lnTo>
                      <a:pt x="433" y="7"/>
                    </a:lnTo>
                    <a:lnTo>
                      <a:pt x="442" y="9"/>
                    </a:lnTo>
                    <a:lnTo>
                      <a:pt x="452" y="12"/>
                    </a:lnTo>
                    <a:lnTo>
                      <a:pt x="462" y="15"/>
                    </a:lnTo>
                    <a:lnTo>
                      <a:pt x="471" y="21"/>
                    </a:lnTo>
                    <a:lnTo>
                      <a:pt x="479" y="24"/>
                    </a:lnTo>
                    <a:lnTo>
                      <a:pt x="488" y="29"/>
                    </a:lnTo>
                    <a:lnTo>
                      <a:pt x="496" y="36"/>
                    </a:lnTo>
                    <a:lnTo>
                      <a:pt x="513" y="48"/>
                    </a:lnTo>
                    <a:lnTo>
                      <a:pt x="527" y="61"/>
                    </a:lnTo>
                    <a:lnTo>
                      <a:pt x="534" y="55"/>
                    </a:lnTo>
                    <a:lnTo>
                      <a:pt x="541" y="48"/>
                    </a:lnTo>
                    <a:lnTo>
                      <a:pt x="554" y="36"/>
                    </a:lnTo>
                    <a:lnTo>
                      <a:pt x="563" y="31"/>
                    </a:lnTo>
                    <a:lnTo>
                      <a:pt x="570" y="26"/>
                    </a:lnTo>
                    <a:lnTo>
                      <a:pt x="578" y="21"/>
                    </a:lnTo>
                    <a:lnTo>
                      <a:pt x="587" y="15"/>
                    </a:lnTo>
                    <a:lnTo>
                      <a:pt x="597" y="12"/>
                    </a:lnTo>
                    <a:lnTo>
                      <a:pt x="605" y="9"/>
                    </a:lnTo>
                    <a:lnTo>
                      <a:pt x="614" y="7"/>
                    </a:lnTo>
                    <a:lnTo>
                      <a:pt x="624" y="3"/>
                    </a:lnTo>
                    <a:lnTo>
                      <a:pt x="634" y="2"/>
                    </a:lnTo>
                    <a:lnTo>
                      <a:pt x="643" y="2"/>
                    </a:lnTo>
                    <a:lnTo>
                      <a:pt x="653" y="0"/>
                    </a:lnTo>
                    <a:lnTo>
                      <a:pt x="663" y="0"/>
                    </a:lnTo>
                    <a:lnTo>
                      <a:pt x="675" y="0"/>
                    </a:lnTo>
                    <a:lnTo>
                      <a:pt x="687" y="2"/>
                    </a:lnTo>
                    <a:lnTo>
                      <a:pt x="699" y="3"/>
                    </a:lnTo>
                    <a:lnTo>
                      <a:pt x="711" y="5"/>
                    </a:lnTo>
                    <a:lnTo>
                      <a:pt x="721" y="9"/>
                    </a:lnTo>
                    <a:lnTo>
                      <a:pt x="733" y="14"/>
                    </a:lnTo>
                    <a:lnTo>
                      <a:pt x="743" y="19"/>
                    </a:lnTo>
                    <a:lnTo>
                      <a:pt x="754" y="24"/>
                    </a:lnTo>
                    <a:lnTo>
                      <a:pt x="764" y="29"/>
                    </a:lnTo>
                    <a:lnTo>
                      <a:pt x="772" y="36"/>
                    </a:lnTo>
                    <a:lnTo>
                      <a:pt x="783" y="43"/>
                    </a:lnTo>
                    <a:lnTo>
                      <a:pt x="789" y="51"/>
                    </a:lnTo>
                    <a:lnTo>
                      <a:pt x="798" y="60"/>
                    </a:lnTo>
                    <a:lnTo>
                      <a:pt x="805" y="68"/>
                    </a:lnTo>
                    <a:lnTo>
                      <a:pt x="812" y="77"/>
                    </a:lnTo>
                    <a:lnTo>
                      <a:pt x="817" y="87"/>
                    </a:lnTo>
                    <a:lnTo>
                      <a:pt x="817" y="89"/>
                    </a:lnTo>
                    <a:lnTo>
                      <a:pt x="832" y="77"/>
                    </a:lnTo>
                    <a:lnTo>
                      <a:pt x="849" y="65"/>
                    </a:lnTo>
                    <a:lnTo>
                      <a:pt x="866" y="56"/>
                    </a:lnTo>
                    <a:lnTo>
                      <a:pt x="885" y="48"/>
                    </a:lnTo>
                    <a:lnTo>
                      <a:pt x="904" y="43"/>
                    </a:lnTo>
                    <a:lnTo>
                      <a:pt x="914" y="39"/>
                    </a:lnTo>
                    <a:lnTo>
                      <a:pt x="922" y="38"/>
                    </a:lnTo>
                    <a:lnTo>
                      <a:pt x="933" y="36"/>
                    </a:lnTo>
                    <a:lnTo>
                      <a:pt x="943" y="36"/>
                    </a:lnTo>
                    <a:lnTo>
                      <a:pt x="953" y="34"/>
                    </a:lnTo>
                    <a:lnTo>
                      <a:pt x="963" y="34"/>
                    </a:lnTo>
                    <a:lnTo>
                      <a:pt x="979" y="34"/>
                    </a:lnTo>
                    <a:lnTo>
                      <a:pt x="992" y="36"/>
                    </a:lnTo>
                    <a:lnTo>
                      <a:pt x="1006" y="38"/>
                    </a:lnTo>
                    <a:lnTo>
                      <a:pt x="1021" y="41"/>
                    </a:lnTo>
                    <a:lnTo>
                      <a:pt x="1033" y="44"/>
                    </a:lnTo>
                    <a:lnTo>
                      <a:pt x="1047" y="50"/>
                    </a:lnTo>
                    <a:lnTo>
                      <a:pt x="1061" y="55"/>
                    </a:lnTo>
                    <a:lnTo>
                      <a:pt x="1072" y="61"/>
                    </a:lnTo>
                    <a:lnTo>
                      <a:pt x="1084" y="68"/>
                    </a:lnTo>
                    <a:lnTo>
                      <a:pt x="1095" y="77"/>
                    </a:lnTo>
                    <a:lnTo>
                      <a:pt x="1107" y="85"/>
                    </a:lnTo>
                    <a:lnTo>
                      <a:pt x="1117" y="94"/>
                    </a:lnTo>
                    <a:lnTo>
                      <a:pt x="1125" y="102"/>
                    </a:lnTo>
                    <a:lnTo>
                      <a:pt x="1134" y="114"/>
                    </a:lnTo>
                    <a:lnTo>
                      <a:pt x="1142" y="125"/>
                    </a:lnTo>
                    <a:lnTo>
                      <a:pt x="1149" y="136"/>
                    </a:lnTo>
                    <a:lnTo>
                      <a:pt x="1151" y="136"/>
                    </a:lnTo>
                    <a:lnTo>
                      <a:pt x="1166" y="130"/>
                    </a:lnTo>
                    <a:lnTo>
                      <a:pt x="1182" y="123"/>
                    </a:lnTo>
                    <a:lnTo>
                      <a:pt x="1199" y="118"/>
                    </a:lnTo>
                    <a:lnTo>
                      <a:pt x="1216" y="113"/>
                    </a:lnTo>
                    <a:lnTo>
                      <a:pt x="1233" y="109"/>
                    </a:lnTo>
                    <a:lnTo>
                      <a:pt x="1250" y="106"/>
                    </a:lnTo>
                    <a:lnTo>
                      <a:pt x="1267" y="104"/>
                    </a:lnTo>
                    <a:lnTo>
                      <a:pt x="1284" y="104"/>
                    </a:lnTo>
                    <a:lnTo>
                      <a:pt x="1298" y="104"/>
                    </a:lnTo>
                    <a:lnTo>
                      <a:pt x="1311" y="106"/>
                    </a:lnTo>
                    <a:lnTo>
                      <a:pt x="1325" y="107"/>
                    </a:lnTo>
                    <a:lnTo>
                      <a:pt x="1338" y="109"/>
                    </a:lnTo>
                    <a:lnTo>
                      <a:pt x="1350" y="111"/>
                    </a:lnTo>
                    <a:lnTo>
                      <a:pt x="1364" y="114"/>
                    </a:lnTo>
                    <a:lnTo>
                      <a:pt x="1376" y="119"/>
                    </a:lnTo>
                    <a:lnTo>
                      <a:pt x="1388" y="123"/>
                    </a:lnTo>
                    <a:lnTo>
                      <a:pt x="1400" y="128"/>
                    </a:lnTo>
                    <a:lnTo>
                      <a:pt x="1412" y="133"/>
                    </a:lnTo>
                    <a:lnTo>
                      <a:pt x="1422" y="140"/>
                    </a:lnTo>
                    <a:lnTo>
                      <a:pt x="1434" y="145"/>
                    </a:lnTo>
                    <a:lnTo>
                      <a:pt x="1444" y="152"/>
                    </a:lnTo>
                    <a:lnTo>
                      <a:pt x="1454" y="159"/>
                    </a:lnTo>
                    <a:lnTo>
                      <a:pt x="1463" y="167"/>
                    </a:lnTo>
                    <a:lnTo>
                      <a:pt x="1473" y="176"/>
                    </a:lnTo>
                    <a:lnTo>
                      <a:pt x="1482" y="184"/>
                    </a:lnTo>
                    <a:lnTo>
                      <a:pt x="1490" y="193"/>
                    </a:lnTo>
                    <a:lnTo>
                      <a:pt x="1497" y="201"/>
                    </a:lnTo>
                    <a:lnTo>
                      <a:pt x="1505" y="212"/>
                    </a:lnTo>
                    <a:lnTo>
                      <a:pt x="1512" y="220"/>
                    </a:lnTo>
                    <a:lnTo>
                      <a:pt x="1519" y="230"/>
                    </a:lnTo>
                    <a:lnTo>
                      <a:pt x="1524" y="242"/>
                    </a:lnTo>
                    <a:lnTo>
                      <a:pt x="1529" y="252"/>
                    </a:lnTo>
                    <a:lnTo>
                      <a:pt x="1534" y="263"/>
                    </a:lnTo>
                    <a:lnTo>
                      <a:pt x="1538" y="275"/>
                    </a:lnTo>
                    <a:lnTo>
                      <a:pt x="1541" y="287"/>
                    </a:lnTo>
                    <a:lnTo>
                      <a:pt x="1545" y="297"/>
                    </a:lnTo>
                    <a:lnTo>
                      <a:pt x="1548" y="309"/>
                    </a:lnTo>
                    <a:lnTo>
                      <a:pt x="1550" y="322"/>
                    </a:lnTo>
                    <a:lnTo>
                      <a:pt x="1550" y="334"/>
                    </a:lnTo>
                    <a:lnTo>
                      <a:pt x="1550" y="346"/>
                    </a:lnTo>
                    <a:lnTo>
                      <a:pt x="1550" y="363"/>
                    </a:lnTo>
                    <a:lnTo>
                      <a:pt x="1548" y="379"/>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0" name="Freeform 1168"/>
              <p:cNvSpPr>
                <a:spLocks/>
              </p:cNvSpPr>
              <p:nvPr/>
            </p:nvSpPr>
            <p:spPr bwMode="auto">
              <a:xfrm>
                <a:off x="5317122" y="1808334"/>
                <a:ext cx="11558" cy="48705"/>
              </a:xfrm>
              <a:custGeom>
                <a:avLst/>
                <a:gdLst/>
                <a:ahLst/>
                <a:cxnLst>
                  <a:cxn ang="0">
                    <a:pos x="12" y="50"/>
                  </a:cxn>
                  <a:cxn ang="0">
                    <a:pos x="7" y="38"/>
                  </a:cxn>
                  <a:cxn ang="0">
                    <a:pos x="5" y="26"/>
                  </a:cxn>
                  <a:cxn ang="0">
                    <a:pos x="2" y="12"/>
                  </a:cxn>
                  <a:cxn ang="0">
                    <a:pos x="0" y="0"/>
                  </a:cxn>
                </a:cxnLst>
                <a:rect l="0" t="0" r="r" b="b"/>
                <a:pathLst>
                  <a:path w="12" h="50">
                    <a:moveTo>
                      <a:pt x="12" y="50"/>
                    </a:moveTo>
                    <a:lnTo>
                      <a:pt x="7" y="38"/>
                    </a:lnTo>
                    <a:lnTo>
                      <a:pt x="5" y="26"/>
                    </a:lnTo>
                    <a:lnTo>
                      <a:pt x="2" y="12"/>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1" name="Freeform 1167"/>
              <p:cNvSpPr>
                <a:spLocks/>
              </p:cNvSpPr>
              <p:nvPr/>
            </p:nvSpPr>
            <p:spPr bwMode="auto">
              <a:xfrm>
                <a:off x="4954697" y="1064552"/>
                <a:ext cx="4128" cy="31369"/>
              </a:xfrm>
              <a:custGeom>
                <a:avLst/>
                <a:gdLst/>
                <a:ahLst/>
                <a:cxnLst>
                  <a:cxn ang="0">
                    <a:pos x="0" y="33"/>
                  </a:cxn>
                  <a:cxn ang="0">
                    <a:pos x="0" y="31"/>
                  </a:cxn>
                  <a:cxn ang="0">
                    <a:pos x="2" y="16"/>
                  </a:cxn>
                  <a:cxn ang="0">
                    <a:pos x="4" y="0"/>
                  </a:cxn>
                </a:cxnLst>
                <a:rect l="0" t="0" r="r" b="b"/>
                <a:pathLst>
                  <a:path w="4" h="33">
                    <a:moveTo>
                      <a:pt x="0" y="33"/>
                    </a:moveTo>
                    <a:lnTo>
                      <a:pt x="0" y="31"/>
                    </a:lnTo>
                    <a:lnTo>
                      <a:pt x="2" y="16"/>
                    </a:lnTo>
                    <a:lnTo>
                      <a:pt x="4"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2" name="Freeform 1166"/>
              <p:cNvSpPr>
                <a:spLocks/>
              </p:cNvSpPr>
              <p:nvPr/>
            </p:nvSpPr>
            <p:spPr bwMode="auto">
              <a:xfrm>
                <a:off x="5831452" y="1057948"/>
                <a:ext cx="49534" cy="34671"/>
              </a:xfrm>
              <a:custGeom>
                <a:avLst/>
                <a:gdLst/>
                <a:ahLst/>
                <a:cxnLst>
                  <a:cxn ang="0">
                    <a:pos x="0" y="36"/>
                  </a:cxn>
                  <a:cxn ang="0">
                    <a:pos x="10" y="26"/>
                  </a:cxn>
                  <a:cxn ang="0">
                    <a:pos x="24" y="18"/>
                  </a:cxn>
                  <a:cxn ang="0">
                    <a:pos x="37" y="9"/>
                  </a:cxn>
                  <a:cxn ang="0">
                    <a:pos x="51" y="0"/>
                  </a:cxn>
                </a:cxnLst>
                <a:rect l="0" t="0" r="r" b="b"/>
                <a:pathLst>
                  <a:path w="51" h="36">
                    <a:moveTo>
                      <a:pt x="0" y="36"/>
                    </a:moveTo>
                    <a:lnTo>
                      <a:pt x="10" y="26"/>
                    </a:lnTo>
                    <a:lnTo>
                      <a:pt x="24" y="18"/>
                    </a:lnTo>
                    <a:lnTo>
                      <a:pt x="37" y="9"/>
                    </a:lnTo>
                    <a:lnTo>
                      <a:pt x="51"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3" name="Freeform 1165"/>
              <p:cNvSpPr>
                <a:spLocks/>
              </p:cNvSpPr>
              <p:nvPr/>
            </p:nvSpPr>
            <p:spPr bwMode="auto">
              <a:xfrm>
                <a:off x="4572000" y="836712"/>
                <a:ext cx="1860833" cy="1211845"/>
              </a:xfrm>
              <a:custGeom>
                <a:avLst/>
                <a:gdLst/>
                <a:ahLst/>
                <a:cxnLst>
                  <a:cxn ang="0">
                    <a:pos x="1621" y="402"/>
                  </a:cxn>
                  <a:cxn ang="0">
                    <a:pos x="1683" y="465"/>
                  </a:cxn>
                  <a:cxn ang="0">
                    <a:pos x="1700" y="545"/>
                  </a:cxn>
                  <a:cxn ang="0">
                    <a:pos x="1683" y="603"/>
                  </a:cxn>
                  <a:cxn ang="0">
                    <a:pos x="1643" y="651"/>
                  </a:cxn>
                  <a:cxn ang="0">
                    <a:pos x="1637" y="692"/>
                  </a:cxn>
                  <a:cxn ang="0">
                    <a:pos x="1664" y="776"/>
                  </a:cxn>
                  <a:cxn ang="0">
                    <a:pos x="1650" y="835"/>
                  </a:cxn>
                  <a:cxn ang="0">
                    <a:pos x="1587" y="905"/>
                  </a:cxn>
                  <a:cxn ang="0">
                    <a:pos x="1492" y="931"/>
                  </a:cxn>
                  <a:cxn ang="0">
                    <a:pos x="1437" y="977"/>
                  </a:cxn>
                  <a:cxn ang="0">
                    <a:pos x="1343" y="1042"/>
                  </a:cxn>
                  <a:cxn ang="0">
                    <a:pos x="1229" y="1071"/>
                  </a:cxn>
                  <a:cxn ang="0">
                    <a:pos x="1108" y="1055"/>
                  </a:cxn>
                  <a:cxn ang="0">
                    <a:pos x="1033" y="1055"/>
                  </a:cxn>
                  <a:cxn ang="0">
                    <a:pos x="956" y="1112"/>
                  </a:cxn>
                  <a:cxn ang="0">
                    <a:pos x="864" y="1137"/>
                  </a:cxn>
                  <a:cxn ang="0">
                    <a:pos x="747" y="1127"/>
                  </a:cxn>
                  <a:cxn ang="0">
                    <a:pos x="641" y="1067"/>
                  </a:cxn>
                  <a:cxn ang="0">
                    <a:pos x="578" y="967"/>
                  </a:cxn>
                  <a:cxn ang="0">
                    <a:pos x="503" y="996"/>
                  </a:cxn>
                  <a:cxn ang="0">
                    <a:pos x="421" y="997"/>
                  </a:cxn>
                  <a:cxn ang="0">
                    <a:pos x="358" y="980"/>
                  </a:cxn>
                  <a:cxn ang="0">
                    <a:pos x="268" y="909"/>
                  </a:cxn>
                  <a:cxn ang="0">
                    <a:pos x="239" y="856"/>
                  </a:cxn>
                  <a:cxn ang="0">
                    <a:pos x="228" y="794"/>
                  </a:cxn>
                  <a:cxn ang="0">
                    <a:pos x="170" y="779"/>
                  </a:cxn>
                  <a:cxn ang="0">
                    <a:pos x="65" y="713"/>
                  </a:cxn>
                  <a:cxn ang="0">
                    <a:pos x="22" y="649"/>
                  </a:cxn>
                  <a:cxn ang="0">
                    <a:pos x="2" y="586"/>
                  </a:cxn>
                  <a:cxn ang="0">
                    <a:pos x="2" y="523"/>
                  </a:cxn>
                  <a:cxn ang="0">
                    <a:pos x="22" y="455"/>
                  </a:cxn>
                  <a:cxn ang="0">
                    <a:pos x="48" y="385"/>
                  </a:cxn>
                  <a:cxn ang="0">
                    <a:pos x="39" y="329"/>
                  </a:cxn>
                  <a:cxn ang="0">
                    <a:pos x="63" y="239"/>
                  </a:cxn>
                  <a:cxn ang="0">
                    <a:pos x="131" y="169"/>
                  </a:cxn>
                  <a:cxn ang="0">
                    <a:pos x="196" y="128"/>
                  </a:cxn>
                  <a:cxn ang="0">
                    <a:pos x="245" y="51"/>
                  </a:cxn>
                  <a:cxn ang="0">
                    <a:pos x="331" y="5"/>
                  </a:cxn>
                  <a:cxn ang="0">
                    <a:pos x="413" y="2"/>
                  </a:cxn>
                  <a:cxn ang="0">
                    <a:pos x="470" y="20"/>
                  </a:cxn>
                  <a:cxn ang="0">
                    <a:pos x="527" y="61"/>
                  </a:cxn>
                  <a:cxn ang="0">
                    <a:pos x="578" y="20"/>
                  </a:cxn>
                  <a:cxn ang="0">
                    <a:pos x="634" y="2"/>
                  </a:cxn>
                  <a:cxn ang="0">
                    <a:pos x="699" y="3"/>
                  </a:cxn>
                  <a:cxn ang="0">
                    <a:pos x="764" y="29"/>
                  </a:cxn>
                  <a:cxn ang="0">
                    <a:pos x="811" y="77"/>
                  </a:cxn>
                  <a:cxn ang="0">
                    <a:pos x="885" y="48"/>
                  </a:cxn>
                  <a:cxn ang="0">
                    <a:pos x="953" y="34"/>
                  </a:cxn>
                  <a:cxn ang="0">
                    <a:pos x="1033" y="44"/>
                  </a:cxn>
                  <a:cxn ang="0">
                    <a:pos x="1106" y="85"/>
                  </a:cxn>
                  <a:cxn ang="0">
                    <a:pos x="1151" y="136"/>
                  </a:cxn>
                  <a:cxn ang="0">
                    <a:pos x="1250" y="106"/>
                  </a:cxn>
                  <a:cxn ang="0">
                    <a:pos x="1338" y="109"/>
                  </a:cxn>
                  <a:cxn ang="0">
                    <a:pos x="1411" y="133"/>
                  </a:cxn>
                  <a:cxn ang="0">
                    <a:pos x="1473" y="175"/>
                  </a:cxn>
                  <a:cxn ang="0">
                    <a:pos x="1519" y="230"/>
                  </a:cxn>
                  <a:cxn ang="0">
                    <a:pos x="1544" y="297"/>
                  </a:cxn>
                  <a:cxn ang="0">
                    <a:pos x="1548" y="378"/>
                  </a:cxn>
                </a:cxnLst>
                <a:rect l="0" t="0" r="r" b="b"/>
                <a:pathLst>
                  <a:path w="1701" h="1141">
                    <a:moveTo>
                      <a:pt x="1548" y="378"/>
                    </a:moveTo>
                    <a:lnTo>
                      <a:pt x="1563" y="380"/>
                    </a:lnTo>
                    <a:lnTo>
                      <a:pt x="1579" y="385"/>
                    </a:lnTo>
                    <a:lnTo>
                      <a:pt x="1594" y="389"/>
                    </a:lnTo>
                    <a:lnTo>
                      <a:pt x="1608" y="395"/>
                    </a:lnTo>
                    <a:lnTo>
                      <a:pt x="1621" y="402"/>
                    </a:lnTo>
                    <a:lnTo>
                      <a:pt x="1635" y="411"/>
                    </a:lnTo>
                    <a:lnTo>
                      <a:pt x="1647" y="419"/>
                    </a:lnTo>
                    <a:lnTo>
                      <a:pt x="1657" y="429"/>
                    </a:lnTo>
                    <a:lnTo>
                      <a:pt x="1667" y="440"/>
                    </a:lnTo>
                    <a:lnTo>
                      <a:pt x="1676" y="452"/>
                    </a:lnTo>
                    <a:lnTo>
                      <a:pt x="1683" y="465"/>
                    </a:lnTo>
                    <a:lnTo>
                      <a:pt x="1689" y="477"/>
                    </a:lnTo>
                    <a:lnTo>
                      <a:pt x="1694" y="491"/>
                    </a:lnTo>
                    <a:lnTo>
                      <a:pt x="1698" y="505"/>
                    </a:lnTo>
                    <a:lnTo>
                      <a:pt x="1700" y="520"/>
                    </a:lnTo>
                    <a:lnTo>
                      <a:pt x="1701" y="535"/>
                    </a:lnTo>
                    <a:lnTo>
                      <a:pt x="1700" y="545"/>
                    </a:lnTo>
                    <a:lnTo>
                      <a:pt x="1700" y="556"/>
                    </a:lnTo>
                    <a:lnTo>
                      <a:pt x="1698" y="566"/>
                    </a:lnTo>
                    <a:lnTo>
                      <a:pt x="1694" y="576"/>
                    </a:lnTo>
                    <a:lnTo>
                      <a:pt x="1691" y="585"/>
                    </a:lnTo>
                    <a:lnTo>
                      <a:pt x="1688" y="595"/>
                    </a:lnTo>
                    <a:lnTo>
                      <a:pt x="1683" y="603"/>
                    </a:lnTo>
                    <a:lnTo>
                      <a:pt x="1677" y="614"/>
                    </a:lnTo>
                    <a:lnTo>
                      <a:pt x="1672" y="622"/>
                    </a:lnTo>
                    <a:lnTo>
                      <a:pt x="1665" y="629"/>
                    </a:lnTo>
                    <a:lnTo>
                      <a:pt x="1659" y="638"/>
                    </a:lnTo>
                    <a:lnTo>
                      <a:pt x="1652" y="644"/>
                    </a:lnTo>
                    <a:lnTo>
                      <a:pt x="1643" y="651"/>
                    </a:lnTo>
                    <a:lnTo>
                      <a:pt x="1635" y="658"/>
                    </a:lnTo>
                    <a:lnTo>
                      <a:pt x="1626" y="665"/>
                    </a:lnTo>
                    <a:lnTo>
                      <a:pt x="1616" y="670"/>
                    </a:lnTo>
                    <a:lnTo>
                      <a:pt x="1618" y="668"/>
                    </a:lnTo>
                    <a:lnTo>
                      <a:pt x="1628" y="680"/>
                    </a:lnTo>
                    <a:lnTo>
                      <a:pt x="1637" y="692"/>
                    </a:lnTo>
                    <a:lnTo>
                      <a:pt x="1645" y="704"/>
                    </a:lnTo>
                    <a:lnTo>
                      <a:pt x="1652" y="718"/>
                    </a:lnTo>
                    <a:lnTo>
                      <a:pt x="1657" y="731"/>
                    </a:lnTo>
                    <a:lnTo>
                      <a:pt x="1660" y="745"/>
                    </a:lnTo>
                    <a:lnTo>
                      <a:pt x="1662" y="760"/>
                    </a:lnTo>
                    <a:lnTo>
                      <a:pt x="1664" y="776"/>
                    </a:lnTo>
                    <a:lnTo>
                      <a:pt x="1664" y="782"/>
                    </a:lnTo>
                    <a:lnTo>
                      <a:pt x="1662" y="791"/>
                    </a:lnTo>
                    <a:lnTo>
                      <a:pt x="1662" y="799"/>
                    </a:lnTo>
                    <a:lnTo>
                      <a:pt x="1660" y="806"/>
                    </a:lnTo>
                    <a:lnTo>
                      <a:pt x="1655" y="822"/>
                    </a:lnTo>
                    <a:lnTo>
                      <a:pt x="1650" y="835"/>
                    </a:lnTo>
                    <a:lnTo>
                      <a:pt x="1643" y="849"/>
                    </a:lnTo>
                    <a:lnTo>
                      <a:pt x="1635" y="863"/>
                    </a:lnTo>
                    <a:lnTo>
                      <a:pt x="1625" y="875"/>
                    </a:lnTo>
                    <a:lnTo>
                      <a:pt x="1613" y="885"/>
                    </a:lnTo>
                    <a:lnTo>
                      <a:pt x="1601" y="895"/>
                    </a:lnTo>
                    <a:lnTo>
                      <a:pt x="1587" y="905"/>
                    </a:lnTo>
                    <a:lnTo>
                      <a:pt x="1573" y="912"/>
                    </a:lnTo>
                    <a:lnTo>
                      <a:pt x="1558" y="919"/>
                    </a:lnTo>
                    <a:lnTo>
                      <a:pt x="1543" y="924"/>
                    </a:lnTo>
                    <a:lnTo>
                      <a:pt x="1526" y="927"/>
                    </a:lnTo>
                    <a:lnTo>
                      <a:pt x="1509" y="931"/>
                    </a:lnTo>
                    <a:lnTo>
                      <a:pt x="1492" y="931"/>
                    </a:lnTo>
                    <a:lnTo>
                      <a:pt x="1481" y="931"/>
                    </a:lnTo>
                    <a:lnTo>
                      <a:pt x="1471" y="931"/>
                    </a:lnTo>
                    <a:lnTo>
                      <a:pt x="1473" y="931"/>
                    </a:lnTo>
                    <a:lnTo>
                      <a:pt x="1463" y="948"/>
                    </a:lnTo>
                    <a:lnTo>
                      <a:pt x="1451" y="961"/>
                    </a:lnTo>
                    <a:lnTo>
                      <a:pt x="1437" y="977"/>
                    </a:lnTo>
                    <a:lnTo>
                      <a:pt x="1423" y="990"/>
                    </a:lnTo>
                    <a:lnTo>
                      <a:pt x="1410" y="1002"/>
                    </a:lnTo>
                    <a:lnTo>
                      <a:pt x="1394" y="1014"/>
                    </a:lnTo>
                    <a:lnTo>
                      <a:pt x="1377" y="1025"/>
                    </a:lnTo>
                    <a:lnTo>
                      <a:pt x="1362" y="1033"/>
                    </a:lnTo>
                    <a:lnTo>
                      <a:pt x="1343" y="1042"/>
                    </a:lnTo>
                    <a:lnTo>
                      <a:pt x="1326" y="1050"/>
                    </a:lnTo>
                    <a:lnTo>
                      <a:pt x="1307" y="1057"/>
                    </a:lnTo>
                    <a:lnTo>
                      <a:pt x="1289" y="1062"/>
                    </a:lnTo>
                    <a:lnTo>
                      <a:pt x="1268" y="1065"/>
                    </a:lnTo>
                    <a:lnTo>
                      <a:pt x="1250" y="1069"/>
                    </a:lnTo>
                    <a:lnTo>
                      <a:pt x="1229" y="1071"/>
                    </a:lnTo>
                    <a:lnTo>
                      <a:pt x="1209" y="1071"/>
                    </a:lnTo>
                    <a:lnTo>
                      <a:pt x="1188" y="1071"/>
                    </a:lnTo>
                    <a:lnTo>
                      <a:pt x="1168" y="1069"/>
                    </a:lnTo>
                    <a:lnTo>
                      <a:pt x="1147" y="1065"/>
                    </a:lnTo>
                    <a:lnTo>
                      <a:pt x="1127" y="1060"/>
                    </a:lnTo>
                    <a:lnTo>
                      <a:pt x="1108" y="1055"/>
                    </a:lnTo>
                    <a:lnTo>
                      <a:pt x="1089" y="1048"/>
                    </a:lnTo>
                    <a:lnTo>
                      <a:pt x="1071" y="1040"/>
                    </a:lnTo>
                    <a:lnTo>
                      <a:pt x="1052" y="1031"/>
                    </a:lnTo>
                    <a:lnTo>
                      <a:pt x="1053" y="1031"/>
                    </a:lnTo>
                    <a:lnTo>
                      <a:pt x="1043" y="1043"/>
                    </a:lnTo>
                    <a:lnTo>
                      <a:pt x="1033" y="1055"/>
                    </a:lnTo>
                    <a:lnTo>
                      <a:pt x="1021" y="1067"/>
                    </a:lnTo>
                    <a:lnTo>
                      <a:pt x="1009" y="1077"/>
                    </a:lnTo>
                    <a:lnTo>
                      <a:pt x="997" y="1086"/>
                    </a:lnTo>
                    <a:lnTo>
                      <a:pt x="985" y="1096"/>
                    </a:lnTo>
                    <a:lnTo>
                      <a:pt x="972" y="1103"/>
                    </a:lnTo>
                    <a:lnTo>
                      <a:pt x="956" y="1112"/>
                    </a:lnTo>
                    <a:lnTo>
                      <a:pt x="943" y="1118"/>
                    </a:lnTo>
                    <a:lnTo>
                      <a:pt x="927" y="1123"/>
                    </a:lnTo>
                    <a:lnTo>
                      <a:pt x="912" y="1129"/>
                    </a:lnTo>
                    <a:lnTo>
                      <a:pt x="897" y="1132"/>
                    </a:lnTo>
                    <a:lnTo>
                      <a:pt x="881" y="1135"/>
                    </a:lnTo>
                    <a:lnTo>
                      <a:pt x="864" y="1137"/>
                    </a:lnTo>
                    <a:lnTo>
                      <a:pt x="849" y="1139"/>
                    </a:lnTo>
                    <a:lnTo>
                      <a:pt x="832" y="1141"/>
                    </a:lnTo>
                    <a:lnTo>
                      <a:pt x="810" y="1139"/>
                    </a:lnTo>
                    <a:lnTo>
                      <a:pt x="789" y="1137"/>
                    </a:lnTo>
                    <a:lnTo>
                      <a:pt x="767" y="1132"/>
                    </a:lnTo>
                    <a:lnTo>
                      <a:pt x="747" y="1127"/>
                    </a:lnTo>
                    <a:lnTo>
                      <a:pt x="728" y="1120"/>
                    </a:lnTo>
                    <a:lnTo>
                      <a:pt x="709" y="1112"/>
                    </a:lnTo>
                    <a:lnTo>
                      <a:pt x="690" y="1103"/>
                    </a:lnTo>
                    <a:lnTo>
                      <a:pt x="673" y="1091"/>
                    </a:lnTo>
                    <a:lnTo>
                      <a:pt x="656" y="1079"/>
                    </a:lnTo>
                    <a:lnTo>
                      <a:pt x="641" y="1067"/>
                    </a:lnTo>
                    <a:lnTo>
                      <a:pt x="627" y="1052"/>
                    </a:lnTo>
                    <a:lnTo>
                      <a:pt x="615" y="1037"/>
                    </a:lnTo>
                    <a:lnTo>
                      <a:pt x="603" y="1021"/>
                    </a:lnTo>
                    <a:lnTo>
                      <a:pt x="593" y="1004"/>
                    </a:lnTo>
                    <a:lnTo>
                      <a:pt x="585" y="985"/>
                    </a:lnTo>
                    <a:lnTo>
                      <a:pt x="578" y="967"/>
                    </a:lnTo>
                    <a:lnTo>
                      <a:pt x="576" y="968"/>
                    </a:lnTo>
                    <a:lnTo>
                      <a:pt x="563" y="975"/>
                    </a:lnTo>
                    <a:lnTo>
                      <a:pt x="549" y="982"/>
                    </a:lnTo>
                    <a:lnTo>
                      <a:pt x="534" y="987"/>
                    </a:lnTo>
                    <a:lnTo>
                      <a:pt x="518" y="992"/>
                    </a:lnTo>
                    <a:lnTo>
                      <a:pt x="503" y="996"/>
                    </a:lnTo>
                    <a:lnTo>
                      <a:pt x="488" y="997"/>
                    </a:lnTo>
                    <a:lnTo>
                      <a:pt x="472" y="999"/>
                    </a:lnTo>
                    <a:lnTo>
                      <a:pt x="457" y="999"/>
                    </a:lnTo>
                    <a:lnTo>
                      <a:pt x="445" y="999"/>
                    </a:lnTo>
                    <a:lnTo>
                      <a:pt x="433" y="999"/>
                    </a:lnTo>
                    <a:lnTo>
                      <a:pt x="421" y="997"/>
                    </a:lnTo>
                    <a:lnTo>
                      <a:pt x="411" y="996"/>
                    </a:lnTo>
                    <a:lnTo>
                      <a:pt x="399" y="994"/>
                    </a:lnTo>
                    <a:lnTo>
                      <a:pt x="389" y="990"/>
                    </a:lnTo>
                    <a:lnTo>
                      <a:pt x="378" y="987"/>
                    </a:lnTo>
                    <a:lnTo>
                      <a:pt x="368" y="984"/>
                    </a:lnTo>
                    <a:lnTo>
                      <a:pt x="358" y="980"/>
                    </a:lnTo>
                    <a:lnTo>
                      <a:pt x="348" y="975"/>
                    </a:lnTo>
                    <a:lnTo>
                      <a:pt x="329" y="965"/>
                    </a:lnTo>
                    <a:lnTo>
                      <a:pt x="312" y="953"/>
                    </a:lnTo>
                    <a:lnTo>
                      <a:pt x="297" y="939"/>
                    </a:lnTo>
                    <a:lnTo>
                      <a:pt x="281" y="926"/>
                    </a:lnTo>
                    <a:lnTo>
                      <a:pt x="268" y="909"/>
                    </a:lnTo>
                    <a:lnTo>
                      <a:pt x="262" y="900"/>
                    </a:lnTo>
                    <a:lnTo>
                      <a:pt x="257" y="892"/>
                    </a:lnTo>
                    <a:lnTo>
                      <a:pt x="252" y="883"/>
                    </a:lnTo>
                    <a:lnTo>
                      <a:pt x="247" y="875"/>
                    </a:lnTo>
                    <a:lnTo>
                      <a:pt x="242" y="864"/>
                    </a:lnTo>
                    <a:lnTo>
                      <a:pt x="239" y="856"/>
                    </a:lnTo>
                    <a:lnTo>
                      <a:pt x="235" y="846"/>
                    </a:lnTo>
                    <a:lnTo>
                      <a:pt x="234" y="835"/>
                    </a:lnTo>
                    <a:lnTo>
                      <a:pt x="232" y="825"/>
                    </a:lnTo>
                    <a:lnTo>
                      <a:pt x="230" y="815"/>
                    </a:lnTo>
                    <a:lnTo>
                      <a:pt x="228" y="805"/>
                    </a:lnTo>
                    <a:lnTo>
                      <a:pt x="228" y="794"/>
                    </a:lnTo>
                    <a:lnTo>
                      <a:pt x="228" y="793"/>
                    </a:lnTo>
                    <a:lnTo>
                      <a:pt x="216" y="791"/>
                    </a:lnTo>
                    <a:lnTo>
                      <a:pt x="205" y="789"/>
                    </a:lnTo>
                    <a:lnTo>
                      <a:pt x="193" y="786"/>
                    </a:lnTo>
                    <a:lnTo>
                      <a:pt x="181" y="782"/>
                    </a:lnTo>
                    <a:lnTo>
                      <a:pt x="170" y="779"/>
                    </a:lnTo>
                    <a:lnTo>
                      <a:pt x="159" y="776"/>
                    </a:lnTo>
                    <a:lnTo>
                      <a:pt x="138" y="765"/>
                    </a:lnTo>
                    <a:lnTo>
                      <a:pt x="118" y="753"/>
                    </a:lnTo>
                    <a:lnTo>
                      <a:pt x="99" y="742"/>
                    </a:lnTo>
                    <a:lnTo>
                      <a:pt x="82" y="728"/>
                    </a:lnTo>
                    <a:lnTo>
                      <a:pt x="65" y="713"/>
                    </a:lnTo>
                    <a:lnTo>
                      <a:pt x="51" y="695"/>
                    </a:lnTo>
                    <a:lnTo>
                      <a:pt x="44" y="687"/>
                    </a:lnTo>
                    <a:lnTo>
                      <a:pt x="37" y="677"/>
                    </a:lnTo>
                    <a:lnTo>
                      <a:pt x="32" y="668"/>
                    </a:lnTo>
                    <a:lnTo>
                      <a:pt x="27" y="658"/>
                    </a:lnTo>
                    <a:lnTo>
                      <a:pt x="22" y="649"/>
                    </a:lnTo>
                    <a:lnTo>
                      <a:pt x="17" y="639"/>
                    </a:lnTo>
                    <a:lnTo>
                      <a:pt x="14" y="629"/>
                    </a:lnTo>
                    <a:lnTo>
                      <a:pt x="10" y="619"/>
                    </a:lnTo>
                    <a:lnTo>
                      <a:pt x="7" y="607"/>
                    </a:lnTo>
                    <a:lnTo>
                      <a:pt x="5" y="597"/>
                    </a:lnTo>
                    <a:lnTo>
                      <a:pt x="2" y="586"/>
                    </a:lnTo>
                    <a:lnTo>
                      <a:pt x="2" y="574"/>
                    </a:lnTo>
                    <a:lnTo>
                      <a:pt x="0" y="564"/>
                    </a:lnTo>
                    <a:lnTo>
                      <a:pt x="0" y="552"/>
                    </a:lnTo>
                    <a:lnTo>
                      <a:pt x="0" y="542"/>
                    </a:lnTo>
                    <a:lnTo>
                      <a:pt x="0" y="532"/>
                    </a:lnTo>
                    <a:lnTo>
                      <a:pt x="2" y="523"/>
                    </a:lnTo>
                    <a:lnTo>
                      <a:pt x="3" y="513"/>
                    </a:lnTo>
                    <a:lnTo>
                      <a:pt x="5" y="503"/>
                    </a:lnTo>
                    <a:lnTo>
                      <a:pt x="8" y="493"/>
                    </a:lnTo>
                    <a:lnTo>
                      <a:pt x="10" y="484"/>
                    </a:lnTo>
                    <a:lnTo>
                      <a:pt x="14" y="474"/>
                    </a:lnTo>
                    <a:lnTo>
                      <a:pt x="22" y="455"/>
                    </a:lnTo>
                    <a:lnTo>
                      <a:pt x="31" y="438"/>
                    </a:lnTo>
                    <a:lnTo>
                      <a:pt x="43" y="421"/>
                    </a:lnTo>
                    <a:lnTo>
                      <a:pt x="55" y="404"/>
                    </a:lnTo>
                    <a:lnTo>
                      <a:pt x="56" y="404"/>
                    </a:lnTo>
                    <a:lnTo>
                      <a:pt x="51" y="395"/>
                    </a:lnTo>
                    <a:lnTo>
                      <a:pt x="48" y="385"/>
                    </a:lnTo>
                    <a:lnTo>
                      <a:pt x="46" y="377"/>
                    </a:lnTo>
                    <a:lnTo>
                      <a:pt x="43" y="366"/>
                    </a:lnTo>
                    <a:lnTo>
                      <a:pt x="41" y="358"/>
                    </a:lnTo>
                    <a:lnTo>
                      <a:pt x="39" y="348"/>
                    </a:lnTo>
                    <a:lnTo>
                      <a:pt x="39" y="337"/>
                    </a:lnTo>
                    <a:lnTo>
                      <a:pt x="39" y="329"/>
                    </a:lnTo>
                    <a:lnTo>
                      <a:pt x="39" y="312"/>
                    </a:lnTo>
                    <a:lnTo>
                      <a:pt x="41" y="297"/>
                    </a:lnTo>
                    <a:lnTo>
                      <a:pt x="44" y="281"/>
                    </a:lnTo>
                    <a:lnTo>
                      <a:pt x="49" y="266"/>
                    </a:lnTo>
                    <a:lnTo>
                      <a:pt x="56" y="252"/>
                    </a:lnTo>
                    <a:lnTo>
                      <a:pt x="63" y="239"/>
                    </a:lnTo>
                    <a:lnTo>
                      <a:pt x="72" y="225"/>
                    </a:lnTo>
                    <a:lnTo>
                      <a:pt x="82" y="211"/>
                    </a:lnTo>
                    <a:lnTo>
                      <a:pt x="92" y="199"/>
                    </a:lnTo>
                    <a:lnTo>
                      <a:pt x="104" y="189"/>
                    </a:lnTo>
                    <a:lnTo>
                      <a:pt x="118" y="179"/>
                    </a:lnTo>
                    <a:lnTo>
                      <a:pt x="131" y="169"/>
                    </a:lnTo>
                    <a:lnTo>
                      <a:pt x="145" y="162"/>
                    </a:lnTo>
                    <a:lnTo>
                      <a:pt x="160" y="153"/>
                    </a:lnTo>
                    <a:lnTo>
                      <a:pt x="177" y="148"/>
                    </a:lnTo>
                    <a:lnTo>
                      <a:pt x="194" y="143"/>
                    </a:lnTo>
                    <a:lnTo>
                      <a:pt x="193" y="143"/>
                    </a:lnTo>
                    <a:lnTo>
                      <a:pt x="196" y="128"/>
                    </a:lnTo>
                    <a:lnTo>
                      <a:pt x="201" y="112"/>
                    </a:lnTo>
                    <a:lnTo>
                      <a:pt x="208" y="99"/>
                    </a:lnTo>
                    <a:lnTo>
                      <a:pt x="216" y="85"/>
                    </a:lnTo>
                    <a:lnTo>
                      <a:pt x="225" y="73"/>
                    </a:lnTo>
                    <a:lnTo>
                      <a:pt x="235" y="61"/>
                    </a:lnTo>
                    <a:lnTo>
                      <a:pt x="245" y="51"/>
                    </a:lnTo>
                    <a:lnTo>
                      <a:pt x="257" y="41"/>
                    </a:lnTo>
                    <a:lnTo>
                      <a:pt x="271" y="31"/>
                    </a:lnTo>
                    <a:lnTo>
                      <a:pt x="285" y="24"/>
                    </a:lnTo>
                    <a:lnTo>
                      <a:pt x="300" y="17"/>
                    </a:lnTo>
                    <a:lnTo>
                      <a:pt x="315" y="10"/>
                    </a:lnTo>
                    <a:lnTo>
                      <a:pt x="331" y="5"/>
                    </a:lnTo>
                    <a:lnTo>
                      <a:pt x="348" y="3"/>
                    </a:lnTo>
                    <a:lnTo>
                      <a:pt x="363" y="0"/>
                    </a:lnTo>
                    <a:lnTo>
                      <a:pt x="382" y="0"/>
                    </a:lnTo>
                    <a:lnTo>
                      <a:pt x="392" y="0"/>
                    </a:lnTo>
                    <a:lnTo>
                      <a:pt x="402" y="2"/>
                    </a:lnTo>
                    <a:lnTo>
                      <a:pt x="413" y="2"/>
                    </a:lnTo>
                    <a:lnTo>
                      <a:pt x="423" y="3"/>
                    </a:lnTo>
                    <a:lnTo>
                      <a:pt x="433" y="7"/>
                    </a:lnTo>
                    <a:lnTo>
                      <a:pt x="441" y="8"/>
                    </a:lnTo>
                    <a:lnTo>
                      <a:pt x="452" y="12"/>
                    </a:lnTo>
                    <a:lnTo>
                      <a:pt x="462" y="15"/>
                    </a:lnTo>
                    <a:lnTo>
                      <a:pt x="470" y="20"/>
                    </a:lnTo>
                    <a:lnTo>
                      <a:pt x="479" y="24"/>
                    </a:lnTo>
                    <a:lnTo>
                      <a:pt x="488" y="29"/>
                    </a:lnTo>
                    <a:lnTo>
                      <a:pt x="496" y="36"/>
                    </a:lnTo>
                    <a:lnTo>
                      <a:pt x="513" y="48"/>
                    </a:lnTo>
                    <a:lnTo>
                      <a:pt x="527" y="61"/>
                    </a:lnTo>
                    <a:lnTo>
                      <a:pt x="534" y="54"/>
                    </a:lnTo>
                    <a:lnTo>
                      <a:pt x="540" y="48"/>
                    </a:lnTo>
                    <a:lnTo>
                      <a:pt x="554" y="36"/>
                    </a:lnTo>
                    <a:lnTo>
                      <a:pt x="563" y="31"/>
                    </a:lnTo>
                    <a:lnTo>
                      <a:pt x="569" y="25"/>
                    </a:lnTo>
                    <a:lnTo>
                      <a:pt x="578" y="20"/>
                    </a:lnTo>
                    <a:lnTo>
                      <a:pt x="586" y="15"/>
                    </a:lnTo>
                    <a:lnTo>
                      <a:pt x="597" y="12"/>
                    </a:lnTo>
                    <a:lnTo>
                      <a:pt x="605" y="8"/>
                    </a:lnTo>
                    <a:lnTo>
                      <a:pt x="614" y="7"/>
                    </a:lnTo>
                    <a:lnTo>
                      <a:pt x="624" y="3"/>
                    </a:lnTo>
                    <a:lnTo>
                      <a:pt x="634" y="2"/>
                    </a:lnTo>
                    <a:lnTo>
                      <a:pt x="643" y="2"/>
                    </a:lnTo>
                    <a:lnTo>
                      <a:pt x="653" y="0"/>
                    </a:lnTo>
                    <a:lnTo>
                      <a:pt x="663" y="0"/>
                    </a:lnTo>
                    <a:lnTo>
                      <a:pt x="675" y="0"/>
                    </a:lnTo>
                    <a:lnTo>
                      <a:pt x="687" y="2"/>
                    </a:lnTo>
                    <a:lnTo>
                      <a:pt x="699" y="3"/>
                    </a:lnTo>
                    <a:lnTo>
                      <a:pt x="711" y="5"/>
                    </a:lnTo>
                    <a:lnTo>
                      <a:pt x="721" y="8"/>
                    </a:lnTo>
                    <a:lnTo>
                      <a:pt x="733" y="13"/>
                    </a:lnTo>
                    <a:lnTo>
                      <a:pt x="743" y="19"/>
                    </a:lnTo>
                    <a:lnTo>
                      <a:pt x="753" y="24"/>
                    </a:lnTo>
                    <a:lnTo>
                      <a:pt x="764" y="29"/>
                    </a:lnTo>
                    <a:lnTo>
                      <a:pt x="772" y="36"/>
                    </a:lnTo>
                    <a:lnTo>
                      <a:pt x="782" y="42"/>
                    </a:lnTo>
                    <a:lnTo>
                      <a:pt x="789" y="51"/>
                    </a:lnTo>
                    <a:lnTo>
                      <a:pt x="798" y="59"/>
                    </a:lnTo>
                    <a:lnTo>
                      <a:pt x="805" y="68"/>
                    </a:lnTo>
                    <a:lnTo>
                      <a:pt x="811" y="77"/>
                    </a:lnTo>
                    <a:lnTo>
                      <a:pt x="817" y="87"/>
                    </a:lnTo>
                    <a:lnTo>
                      <a:pt x="817" y="88"/>
                    </a:lnTo>
                    <a:lnTo>
                      <a:pt x="832" y="77"/>
                    </a:lnTo>
                    <a:lnTo>
                      <a:pt x="849" y="65"/>
                    </a:lnTo>
                    <a:lnTo>
                      <a:pt x="866" y="56"/>
                    </a:lnTo>
                    <a:lnTo>
                      <a:pt x="885" y="48"/>
                    </a:lnTo>
                    <a:lnTo>
                      <a:pt x="903" y="42"/>
                    </a:lnTo>
                    <a:lnTo>
                      <a:pt x="914" y="39"/>
                    </a:lnTo>
                    <a:lnTo>
                      <a:pt x="922" y="37"/>
                    </a:lnTo>
                    <a:lnTo>
                      <a:pt x="932" y="36"/>
                    </a:lnTo>
                    <a:lnTo>
                      <a:pt x="943" y="36"/>
                    </a:lnTo>
                    <a:lnTo>
                      <a:pt x="953" y="34"/>
                    </a:lnTo>
                    <a:lnTo>
                      <a:pt x="963" y="34"/>
                    </a:lnTo>
                    <a:lnTo>
                      <a:pt x="978" y="34"/>
                    </a:lnTo>
                    <a:lnTo>
                      <a:pt x="992" y="36"/>
                    </a:lnTo>
                    <a:lnTo>
                      <a:pt x="1006" y="37"/>
                    </a:lnTo>
                    <a:lnTo>
                      <a:pt x="1021" y="41"/>
                    </a:lnTo>
                    <a:lnTo>
                      <a:pt x="1033" y="44"/>
                    </a:lnTo>
                    <a:lnTo>
                      <a:pt x="1047" y="49"/>
                    </a:lnTo>
                    <a:lnTo>
                      <a:pt x="1060" y="54"/>
                    </a:lnTo>
                    <a:lnTo>
                      <a:pt x="1072" y="61"/>
                    </a:lnTo>
                    <a:lnTo>
                      <a:pt x="1084" y="68"/>
                    </a:lnTo>
                    <a:lnTo>
                      <a:pt x="1094" y="77"/>
                    </a:lnTo>
                    <a:lnTo>
                      <a:pt x="1106" y="85"/>
                    </a:lnTo>
                    <a:lnTo>
                      <a:pt x="1117" y="94"/>
                    </a:lnTo>
                    <a:lnTo>
                      <a:pt x="1125" y="102"/>
                    </a:lnTo>
                    <a:lnTo>
                      <a:pt x="1134" y="114"/>
                    </a:lnTo>
                    <a:lnTo>
                      <a:pt x="1142" y="124"/>
                    </a:lnTo>
                    <a:lnTo>
                      <a:pt x="1149" y="136"/>
                    </a:lnTo>
                    <a:lnTo>
                      <a:pt x="1151" y="136"/>
                    </a:lnTo>
                    <a:lnTo>
                      <a:pt x="1166" y="129"/>
                    </a:lnTo>
                    <a:lnTo>
                      <a:pt x="1181" y="123"/>
                    </a:lnTo>
                    <a:lnTo>
                      <a:pt x="1198" y="117"/>
                    </a:lnTo>
                    <a:lnTo>
                      <a:pt x="1215" y="112"/>
                    </a:lnTo>
                    <a:lnTo>
                      <a:pt x="1232" y="109"/>
                    </a:lnTo>
                    <a:lnTo>
                      <a:pt x="1250" y="106"/>
                    </a:lnTo>
                    <a:lnTo>
                      <a:pt x="1267" y="104"/>
                    </a:lnTo>
                    <a:lnTo>
                      <a:pt x="1284" y="104"/>
                    </a:lnTo>
                    <a:lnTo>
                      <a:pt x="1297" y="104"/>
                    </a:lnTo>
                    <a:lnTo>
                      <a:pt x="1311" y="106"/>
                    </a:lnTo>
                    <a:lnTo>
                      <a:pt x="1325" y="107"/>
                    </a:lnTo>
                    <a:lnTo>
                      <a:pt x="1338" y="109"/>
                    </a:lnTo>
                    <a:lnTo>
                      <a:pt x="1350" y="111"/>
                    </a:lnTo>
                    <a:lnTo>
                      <a:pt x="1364" y="114"/>
                    </a:lnTo>
                    <a:lnTo>
                      <a:pt x="1376" y="119"/>
                    </a:lnTo>
                    <a:lnTo>
                      <a:pt x="1388" y="123"/>
                    </a:lnTo>
                    <a:lnTo>
                      <a:pt x="1400" y="128"/>
                    </a:lnTo>
                    <a:lnTo>
                      <a:pt x="1411" y="133"/>
                    </a:lnTo>
                    <a:lnTo>
                      <a:pt x="1422" y="140"/>
                    </a:lnTo>
                    <a:lnTo>
                      <a:pt x="1434" y="145"/>
                    </a:lnTo>
                    <a:lnTo>
                      <a:pt x="1444" y="152"/>
                    </a:lnTo>
                    <a:lnTo>
                      <a:pt x="1454" y="158"/>
                    </a:lnTo>
                    <a:lnTo>
                      <a:pt x="1463" y="167"/>
                    </a:lnTo>
                    <a:lnTo>
                      <a:pt x="1473" y="175"/>
                    </a:lnTo>
                    <a:lnTo>
                      <a:pt x="1481" y="184"/>
                    </a:lnTo>
                    <a:lnTo>
                      <a:pt x="1490" y="192"/>
                    </a:lnTo>
                    <a:lnTo>
                      <a:pt x="1497" y="201"/>
                    </a:lnTo>
                    <a:lnTo>
                      <a:pt x="1505" y="211"/>
                    </a:lnTo>
                    <a:lnTo>
                      <a:pt x="1512" y="220"/>
                    </a:lnTo>
                    <a:lnTo>
                      <a:pt x="1519" y="230"/>
                    </a:lnTo>
                    <a:lnTo>
                      <a:pt x="1524" y="242"/>
                    </a:lnTo>
                    <a:lnTo>
                      <a:pt x="1529" y="252"/>
                    </a:lnTo>
                    <a:lnTo>
                      <a:pt x="1534" y="262"/>
                    </a:lnTo>
                    <a:lnTo>
                      <a:pt x="1538" y="274"/>
                    </a:lnTo>
                    <a:lnTo>
                      <a:pt x="1541" y="286"/>
                    </a:lnTo>
                    <a:lnTo>
                      <a:pt x="1544" y="297"/>
                    </a:lnTo>
                    <a:lnTo>
                      <a:pt x="1548" y="308"/>
                    </a:lnTo>
                    <a:lnTo>
                      <a:pt x="1550" y="322"/>
                    </a:lnTo>
                    <a:lnTo>
                      <a:pt x="1550" y="334"/>
                    </a:lnTo>
                    <a:lnTo>
                      <a:pt x="1550" y="346"/>
                    </a:lnTo>
                    <a:lnTo>
                      <a:pt x="1550" y="363"/>
                    </a:lnTo>
                    <a:lnTo>
                      <a:pt x="1548" y="378"/>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4" name="Freeform 1164"/>
              <p:cNvSpPr>
                <a:spLocks/>
              </p:cNvSpPr>
              <p:nvPr/>
            </p:nvSpPr>
            <p:spPr bwMode="auto">
              <a:xfrm>
                <a:off x="5704314" y="1792649"/>
                <a:ext cx="24767" cy="43752"/>
              </a:xfrm>
              <a:custGeom>
                <a:avLst/>
                <a:gdLst/>
                <a:ahLst/>
                <a:cxnLst>
                  <a:cxn ang="0">
                    <a:pos x="26" y="0"/>
                  </a:cxn>
                  <a:cxn ang="0">
                    <a:pos x="21" y="12"/>
                  </a:cxn>
                  <a:cxn ang="0">
                    <a:pos x="14" y="24"/>
                  </a:cxn>
                  <a:cxn ang="0">
                    <a:pos x="7" y="36"/>
                  </a:cxn>
                  <a:cxn ang="0">
                    <a:pos x="0" y="46"/>
                  </a:cxn>
                </a:cxnLst>
                <a:rect l="0" t="0" r="r" b="b"/>
                <a:pathLst>
                  <a:path w="26" h="46">
                    <a:moveTo>
                      <a:pt x="26" y="0"/>
                    </a:moveTo>
                    <a:lnTo>
                      <a:pt x="21" y="12"/>
                    </a:lnTo>
                    <a:lnTo>
                      <a:pt x="14" y="24"/>
                    </a:lnTo>
                    <a:lnTo>
                      <a:pt x="7" y="36"/>
                    </a:lnTo>
                    <a:lnTo>
                      <a:pt x="0" y="46"/>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5" name="Freeform 1163"/>
              <p:cNvSpPr>
                <a:spLocks/>
              </p:cNvSpPr>
              <p:nvPr/>
            </p:nvSpPr>
            <p:spPr bwMode="auto">
              <a:xfrm>
                <a:off x="6172412" y="1209016"/>
                <a:ext cx="8256" cy="36322"/>
              </a:xfrm>
              <a:custGeom>
                <a:avLst/>
                <a:gdLst/>
                <a:ahLst/>
                <a:cxnLst>
                  <a:cxn ang="0">
                    <a:pos x="9" y="0"/>
                  </a:cxn>
                  <a:cxn ang="0">
                    <a:pos x="5" y="19"/>
                  </a:cxn>
                  <a:cxn ang="0">
                    <a:pos x="0" y="38"/>
                  </a:cxn>
                </a:cxnLst>
                <a:rect l="0" t="0" r="r" b="b"/>
                <a:pathLst>
                  <a:path w="9" h="38">
                    <a:moveTo>
                      <a:pt x="9" y="0"/>
                    </a:moveTo>
                    <a:lnTo>
                      <a:pt x="5" y="19"/>
                    </a:lnTo>
                    <a:lnTo>
                      <a:pt x="0" y="38"/>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6" name="Freeform 1162"/>
              <p:cNvSpPr>
                <a:spLocks/>
              </p:cNvSpPr>
              <p:nvPr/>
            </p:nvSpPr>
            <p:spPr bwMode="auto">
              <a:xfrm>
                <a:off x="2766113" y="1063726"/>
                <a:ext cx="1637930" cy="1096274"/>
              </a:xfrm>
              <a:custGeom>
                <a:avLst/>
                <a:gdLst/>
                <a:ahLst/>
                <a:cxnLst>
                  <a:cxn ang="0">
                    <a:pos x="1622" y="402"/>
                  </a:cxn>
                  <a:cxn ang="0">
                    <a:pos x="1683" y="465"/>
                  </a:cxn>
                  <a:cxn ang="0">
                    <a:pos x="1702" y="545"/>
                  </a:cxn>
                  <a:cxn ang="0">
                    <a:pos x="1685" y="605"/>
                  </a:cxn>
                  <a:cxn ang="0">
                    <a:pos x="1644" y="653"/>
                  </a:cxn>
                  <a:cxn ang="0">
                    <a:pos x="1637" y="692"/>
                  </a:cxn>
                  <a:cxn ang="0">
                    <a:pos x="1664" y="775"/>
                  </a:cxn>
                  <a:cxn ang="0">
                    <a:pos x="1650" y="837"/>
                  </a:cxn>
                  <a:cxn ang="0">
                    <a:pos x="1587" y="905"/>
                  </a:cxn>
                  <a:cxn ang="0">
                    <a:pos x="1492" y="932"/>
                  </a:cxn>
                  <a:cxn ang="0">
                    <a:pos x="1437" y="977"/>
                  </a:cxn>
                  <a:cxn ang="0">
                    <a:pos x="1344" y="1043"/>
                  </a:cxn>
                  <a:cxn ang="0">
                    <a:pos x="1229" y="1070"/>
                  </a:cxn>
                  <a:cxn ang="0">
                    <a:pos x="1108" y="1055"/>
                  </a:cxn>
                  <a:cxn ang="0">
                    <a:pos x="1033" y="1057"/>
                  </a:cxn>
                  <a:cxn ang="0">
                    <a:pos x="957" y="1111"/>
                  </a:cxn>
                  <a:cxn ang="0">
                    <a:pos x="865" y="1139"/>
                  </a:cxn>
                  <a:cxn ang="0">
                    <a:pos x="747" y="1127"/>
                  </a:cxn>
                  <a:cxn ang="0">
                    <a:pos x="643" y="1067"/>
                  </a:cxn>
                  <a:cxn ang="0">
                    <a:pos x="578" y="968"/>
                  </a:cxn>
                  <a:cxn ang="0">
                    <a:pos x="505" y="995"/>
                  </a:cxn>
                  <a:cxn ang="0">
                    <a:pos x="423" y="997"/>
                  </a:cxn>
                  <a:cxn ang="0">
                    <a:pos x="358" y="980"/>
                  </a:cxn>
                  <a:cxn ang="0">
                    <a:pos x="268" y="910"/>
                  </a:cxn>
                  <a:cxn ang="0">
                    <a:pos x="239" y="856"/>
                  </a:cxn>
                  <a:cxn ang="0">
                    <a:pos x="229" y="794"/>
                  </a:cxn>
                  <a:cxn ang="0">
                    <a:pos x="171" y="779"/>
                  </a:cxn>
                  <a:cxn ang="0">
                    <a:pos x="82" y="728"/>
                  </a:cxn>
                  <a:cxn ang="0">
                    <a:pos x="28" y="659"/>
                  </a:cxn>
                  <a:cxn ang="0">
                    <a:pos x="5" y="596"/>
                  </a:cxn>
                  <a:cxn ang="0">
                    <a:pos x="2" y="533"/>
                  </a:cxn>
                  <a:cxn ang="0">
                    <a:pos x="14" y="475"/>
                  </a:cxn>
                  <a:cxn ang="0">
                    <a:pos x="51" y="395"/>
                  </a:cxn>
                  <a:cxn ang="0">
                    <a:pos x="40" y="339"/>
                  </a:cxn>
                  <a:cxn ang="0">
                    <a:pos x="57" y="252"/>
                  </a:cxn>
                  <a:cxn ang="0">
                    <a:pos x="118" y="179"/>
                  </a:cxn>
                  <a:cxn ang="0">
                    <a:pos x="193" y="143"/>
                  </a:cxn>
                  <a:cxn ang="0">
                    <a:pos x="236" y="61"/>
                  </a:cxn>
                  <a:cxn ang="0">
                    <a:pos x="316" y="10"/>
                  </a:cxn>
                  <a:cxn ang="0">
                    <a:pos x="403" y="1"/>
                  </a:cxn>
                  <a:cxn ang="0">
                    <a:pos x="462" y="17"/>
                  </a:cxn>
                  <a:cxn ang="0">
                    <a:pos x="527" y="61"/>
                  </a:cxn>
                  <a:cxn ang="0">
                    <a:pos x="578" y="20"/>
                  </a:cxn>
                  <a:cxn ang="0">
                    <a:pos x="634" y="3"/>
                  </a:cxn>
                  <a:cxn ang="0">
                    <a:pos x="699" y="3"/>
                  </a:cxn>
                  <a:cxn ang="0">
                    <a:pos x="764" y="29"/>
                  </a:cxn>
                  <a:cxn ang="0">
                    <a:pos x="812" y="76"/>
                  </a:cxn>
                  <a:cxn ang="0">
                    <a:pos x="885" y="49"/>
                  </a:cxn>
                  <a:cxn ang="0">
                    <a:pos x="943" y="35"/>
                  </a:cxn>
                  <a:cxn ang="0">
                    <a:pos x="1021" y="41"/>
                  </a:cxn>
                  <a:cxn ang="0">
                    <a:pos x="1095" y="76"/>
                  </a:cxn>
                  <a:cxn ang="0">
                    <a:pos x="1149" y="136"/>
                  </a:cxn>
                  <a:cxn ang="0">
                    <a:pos x="1233" y="109"/>
                  </a:cxn>
                  <a:cxn ang="0">
                    <a:pos x="1325" y="107"/>
                  </a:cxn>
                  <a:cxn ang="0">
                    <a:pos x="1400" y="127"/>
                  </a:cxn>
                  <a:cxn ang="0">
                    <a:pos x="1463" y="167"/>
                  </a:cxn>
                  <a:cxn ang="0">
                    <a:pos x="1512" y="221"/>
                  </a:cxn>
                  <a:cxn ang="0">
                    <a:pos x="1541" y="286"/>
                  </a:cxn>
                  <a:cxn ang="0">
                    <a:pos x="1550" y="363"/>
                  </a:cxn>
                </a:cxnLst>
                <a:rect l="0" t="0" r="r" b="b"/>
                <a:pathLst>
                  <a:path w="1702" h="1140">
                    <a:moveTo>
                      <a:pt x="1548" y="380"/>
                    </a:moveTo>
                    <a:lnTo>
                      <a:pt x="1564" y="382"/>
                    </a:lnTo>
                    <a:lnTo>
                      <a:pt x="1579" y="385"/>
                    </a:lnTo>
                    <a:lnTo>
                      <a:pt x="1594" y="390"/>
                    </a:lnTo>
                    <a:lnTo>
                      <a:pt x="1608" y="395"/>
                    </a:lnTo>
                    <a:lnTo>
                      <a:pt x="1622" y="402"/>
                    </a:lnTo>
                    <a:lnTo>
                      <a:pt x="1635" y="411"/>
                    </a:lnTo>
                    <a:lnTo>
                      <a:pt x="1647" y="419"/>
                    </a:lnTo>
                    <a:lnTo>
                      <a:pt x="1657" y="429"/>
                    </a:lnTo>
                    <a:lnTo>
                      <a:pt x="1668" y="441"/>
                    </a:lnTo>
                    <a:lnTo>
                      <a:pt x="1676" y="453"/>
                    </a:lnTo>
                    <a:lnTo>
                      <a:pt x="1683" y="465"/>
                    </a:lnTo>
                    <a:lnTo>
                      <a:pt x="1690" y="479"/>
                    </a:lnTo>
                    <a:lnTo>
                      <a:pt x="1695" y="491"/>
                    </a:lnTo>
                    <a:lnTo>
                      <a:pt x="1698" y="506"/>
                    </a:lnTo>
                    <a:lnTo>
                      <a:pt x="1700" y="520"/>
                    </a:lnTo>
                    <a:lnTo>
                      <a:pt x="1702" y="535"/>
                    </a:lnTo>
                    <a:lnTo>
                      <a:pt x="1702" y="545"/>
                    </a:lnTo>
                    <a:lnTo>
                      <a:pt x="1700" y="555"/>
                    </a:lnTo>
                    <a:lnTo>
                      <a:pt x="1698" y="566"/>
                    </a:lnTo>
                    <a:lnTo>
                      <a:pt x="1695" y="576"/>
                    </a:lnTo>
                    <a:lnTo>
                      <a:pt x="1693" y="586"/>
                    </a:lnTo>
                    <a:lnTo>
                      <a:pt x="1688" y="595"/>
                    </a:lnTo>
                    <a:lnTo>
                      <a:pt x="1685" y="605"/>
                    </a:lnTo>
                    <a:lnTo>
                      <a:pt x="1679" y="613"/>
                    </a:lnTo>
                    <a:lnTo>
                      <a:pt x="1673" y="622"/>
                    </a:lnTo>
                    <a:lnTo>
                      <a:pt x="1666" y="630"/>
                    </a:lnTo>
                    <a:lnTo>
                      <a:pt x="1659" y="637"/>
                    </a:lnTo>
                    <a:lnTo>
                      <a:pt x="1652" y="646"/>
                    </a:lnTo>
                    <a:lnTo>
                      <a:pt x="1644" y="653"/>
                    </a:lnTo>
                    <a:lnTo>
                      <a:pt x="1635" y="659"/>
                    </a:lnTo>
                    <a:lnTo>
                      <a:pt x="1627" y="665"/>
                    </a:lnTo>
                    <a:lnTo>
                      <a:pt x="1616" y="671"/>
                    </a:lnTo>
                    <a:lnTo>
                      <a:pt x="1618" y="668"/>
                    </a:lnTo>
                    <a:lnTo>
                      <a:pt x="1628" y="680"/>
                    </a:lnTo>
                    <a:lnTo>
                      <a:pt x="1637" y="692"/>
                    </a:lnTo>
                    <a:lnTo>
                      <a:pt x="1645" y="705"/>
                    </a:lnTo>
                    <a:lnTo>
                      <a:pt x="1652" y="717"/>
                    </a:lnTo>
                    <a:lnTo>
                      <a:pt x="1657" y="731"/>
                    </a:lnTo>
                    <a:lnTo>
                      <a:pt x="1661" y="746"/>
                    </a:lnTo>
                    <a:lnTo>
                      <a:pt x="1662" y="760"/>
                    </a:lnTo>
                    <a:lnTo>
                      <a:pt x="1664" y="775"/>
                    </a:lnTo>
                    <a:lnTo>
                      <a:pt x="1664" y="784"/>
                    </a:lnTo>
                    <a:lnTo>
                      <a:pt x="1662" y="791"/>
                    </a:lnTo>
                    <a:lnTo>
                      <a:pt x="1662" y="799"/>
                    </a:lnTo>
                    <a:lnTo>
                      <a:pt x="1661" y="806"/>
                    </a:lnTo>
                    <a:lnTo>
                      <a:pt x="1656" y="821"/>
                    </a:lnTo>
                    <a:lnTo>
                      <a:pt x="1650" y="837"/>
                    </a:lnTo>
                    <a:lnTo>
                      <a:pt x="1644" y="850"/>
                    </a:lnTo>
                    <a:lnTo>
                      <a:pt x="1635" y="862"/>
                    </a:lnTo>
                    <a:lnTo>
                      <a:pt x="1625" y="874"/>
                    </a:lnTo>
                    <a:lnTo>
                      <a:pt x="1613" y="886"/>
                    </a:lnTo>
                    <a:lnTo>
                      <a:pt x="1601" y="896"/>
                    </a:lnTo>
                    <a:lnTo>
                      <a:pt x="1587" y="905"/>
                    </a:lnTo>
                    <a:lnTo>
                      <a:pt x="1574" y="914"/>
                    </a:lnTo>
                    <a:lnTo>
                      <a:pt x="1558" y="919"/>
                    </a:lnTo>
                    <a:lnTo>
                      <a:pt x="1543" y="925"/>
                    </a:lnTo>
                    <a:lnTo>
                      <a:pt x="1526" y="929"/>
                    </a:lnTo>
                    <a:lnTo>
                      <a:pt x="1509" y="931"/>
                    </a:lnTo>
                    <a:lnTo>
                      <a:pt x="1492" y="932"/>
                    </a:lnTo>
                    <a:lnTo>
                      <a:pt x="1482" y="931"/>
                    </a:lnTo>
                    <a:lnTo>
                      <a:pt x="1472" y="931"/>
                    </a:lnTo>
                    <a:lnTo>
                      <a:pt x="1473" y="932"/>
                    </a:lnTo>
                    <a:lnTo>
                      <a:pt x="1463" y="948"/>
                    </a:lnTo>
                    <a:lnTo>
                      <a:pt x="1451" y="963"/>
                    </a:lnTo>
                    <a:lnTo>
                      <a:pt x="1437" y="977"/>
                    </a:lnTo>
                    <a:lnTo>
                      <a:pt x="1424" y="990"/>
                    </a:lnTo>
                    <a:lnTo>
                      <a:pt x="1410" y="1002"/>
                    </a:lnTo>
                    <a:lnTo>
                      <a:pt x="1395" y="1014"/>
                    </a:lnTo>
                    <a:lnTo>
                      <a:pt x="1378" y="1024"/>
                    </a:lnTo>
                    <a:lnTo>
                      <a:pt x="1362" y="1035"/>
                    </a:lnTo>
                    <a:lnTo>
                      <a:pt x="1344" y="1043"/>
                    </a:lnTo>
                    <a:lnTo>
                      <a:pt x="1327" y="1050"/>
                    </a:lnTo>
                    <a:lnTo>
                      <a:pt x="1308" y="1057"/>
                    </a:lnTo>
                    <a:lnTo>
                      <a:pt x="1289" y="1062"/>
                    </a:lnTo>
                    <a:lnTo>
                      <a:pt x="1269" y="1065"/>
                    </a:lnTo>
                    <a:lnTo>
                      <a:pt x="1250" y="1069"/>
                    </a:lnTo>
                    <a:lnTo>
                      <a:pt x="1229" y="1070"/>
                    </a:lnTo>
                    <a:lnTo>
                      <a:pt x="1209" y="1072"/>
                    </a:lnTo>
                    <a:lnTo>
                      <a:pt x="1189" y="1070"/>
                    </a:lnTo>
                    <a:lnTo>
                      <a:pt x="1168" y="1069"/>
                    </a:lnTo>
                    <a:lnTo>
                      <a:pt x="1148" y="1065"/>
                    </a:lnTo>
                    <a:lnTo>
                      <a:pt x="1129" y="1062"/>
                    </a:lnTo>
                    <a:lnTo>
                      <a:pt x="1108" y="1055"/>
                    </a:lnTo>
                    <a:lnTo>
                      <a:pt x="1090" y="1048"/>
                    </a:lnTo>
                    <a:lnTo>
                      <a:pt x="1071" y="1041"/>
                    </a:lnTo>
                    <a:lnTo>
                      <a:pt x="1052" y="1031"/>
                    </a:lnTo>
                    <a:lnTo>
                      <a:pt x="1054" y="1033"/>
                    </a:lnTo>
                    <a:lnTo>
                      <a:pt x="1044" y="1045"/>
                    </a:lnTo>
                    <a:lnTo>
                      <a:pt x="1033" y="1057"/>
                    </a:lnTo>
                    <a:lnTo>
                      <a:pt x="1021" y="1067"/>
                    </a:lnTo>
                    <a:lnTo>
                      <a:pt x="1010" y="1077"/>
                    </a:lnTo>
                    <a:lnTo>
                      <a:pt x="998" y="1087"/>
                    </a:lnTo>
                    <a:lnTo>
                      <a:pt x="986" y="1096"/>
                    </a:lnTo>
                    <a:lnTo>
                      <a:pt x="972" y="1104"/>
                    </a:lnTo>
                    <a:lnTo>
                      <a:pt x="957" y="1111"/>
                    </a:lnTo>
                    <a:lnTo>
                      <a:pt x="943" y="1118"/>
                    </a:lnTo>
                    <a:lnTo>
                      <a:pt x="928" y="1123"/>
                    </a:lnTo>
                    <a:lnTo>
                      <a:pt x="912" y="1128"/>
                    </a:lnTo>
                    <a:lnTo>
                      <a:pt x="897" y="1132"/>
                    </a:lnTo>
                    <a:lnTo>
                      <a:pt x="882" y="1135"/>
                    </a:lnTo>
                    <a:lnTo>
                      <a:pt x="865" y="1139"/>
                    </a:lnTo>
                    <a:lnTo>
                      <a:pt x="849" y="1139"/>
                    </a:lnTo>
                    <a:lnTo>
                      <a:pt x="832" y="1140"/>
                    </a:lnTo>
                    <a:lnTo>
                      <a:pt x="810" y="1139"/>
                    </a:lnTo>
                    <a:lnTo>
                      <a:pt x="790" y="1137"/>
                    </a:lnTo>
                    <a:lnTo>
                      <a:pt x="767" y="1133"/>
                    </a:lnTo>
                    <a:lnTo>
                      <a:pt x="747" y="1127"/>
                    </a:lnTo>
                    <a:lnTo>
                      <a:pt x="728" y="1120"/>
                    </a:lnTo>
                    <a:lnTo>
                      <a:pt x="709" y="1113"/>
                    </a:lnTo>
                    <a:lnTo>
                      <a:pt x="691" y="1103"/>
                    </a:lnTo>
                    <a:lnTo>
                      <a:pt x="674" y="1093"/>
                    </a:lnTo>
                    <a:lnTo>
                      <a:pt x="657" y="1081"/>
                    </a:lnTo>
                    <a:lnTo>
                      <a:pt x="643" y="1067"/>
                    </a:lnTo>
                    <a:lnTo>
                      <a:pt x="628" y="1053"/>
                    </a:lnTo>
                    <a:lnTo>
                      <a:pt x="616" y="1038"/>
                    </a:lnTo>
                    <a:lnTo>
                      <a:pt x="604" y="1021"/>
                    </a:lnTo>
                    <a:lnTo>
                      <a:pt x="594" y="1004"/>
                    </a:lnTo>
                    <a:lnTo>
                      <a:pt x="585" y="987"/>
                    </a:lnTo>
                    <a:lnTo>
                      <a:pt x="578" y="968"/>
                    </a:lnTo>
                    <a:lnTo>
                      <a:pt x="563" y="977"/>
                    </a:lnTo>
                    <a:lnTo>
                      <a:pt x="549" y="982"/>
                    </a:lnTo>
                    <a:lnTo>
                      <a:pt x="534" y="987"/>
                    </a:lnTo>
                    <a:lnTo>
                      <a:pt x="520" y="992"/>
                    </a:lnTo>
                    <a:lnTo>
                      <a:pt x="505" y="995"/>
                    </a:lnTo>
                    <a:lnTo>
                      <a:pt x="488" y="999"/>
                    </a:lnTo>
                    <a:lnTo>
                      <a:pt x="473" y="999"/>
                    </a:lnTo>
                    <a:lnTo>
                      <a:pt x="457" y="1000"/>
                    </a:lnTo>
                    <a:lnTo>
                      <a:pt x="445" y="1000"/>
                    </a:lnTo>
                    <a:lnTo>
                      <a:pt x="433" y="999"/>
                    </a:lnTo>
                    <a:lnTo>
                      <a:pt x="423" y="997"/>
                    </a:lnTo>
                    <a:lnTo>
                      <a:pt x="411" y="995"/>
                    </a:lnTo>
                    <a:lnTo>
                      <a:pt x="401" y="994"/>
                    </a:lnTo>
                    <a:lnTo>
                      <a:pt x="389" y="990"/>
                    </a:lnTo>
                    <a:lnTo>
                      <a:pt x="379" y="987"/>
                    </a:lnTo>
                    <a:lnTo>
                      <a:pt x="369" y="983"/>
                    </a:lnTo>
                    <a:lnTo>
                      <a:pt x="358" y="980"/>
                    </a:lnTo>
                    <a:lnTo>
                      <a:pt x="348" y="975"/>
                    </a:lnTo>
                    <a:lnTo>
                      <a:pt x="329" y="965"/>
                    </a:lnTo>
                    <a:lnTo>
                      <a:pt x="312" y="953"/>
                    </a:lnTo>
                    <a:lnTo>
                      <a:pt x="297" y="939"/>
                    </a:lnTo>
                    <a:lnTo>
                      <a:pt x="282" y="925"/>
                    </a:lnTo>
                    <a:lnTo>
                      <a:pt x="268" y="910"/>
                    </a:lnTo>
                    <a:lnTo>
                      <a:pt x="263" y="902"/>
                    </a:lnTo>
                    <a:lnTo>
                      <a:pt x="258" y="893"/>
                    </a:lnTo>
                    <a:lnTo>
                      <a:pt x="253" y="883"/>
                    </a:lnTo>
                    <a:lnTo>
                      <a:pt x="248" y="874"/>
                    </a:lnTo>
                    <a:lnTo>
                      <a:pt x="242" y="866"/>
                    </a:lnTo>
                    <a:lnTo>
                      <a:pt x="239" y="856"/>
                    </a:lnTo>
                    <a:lnTo>
                      <a:pt x="237" y="845"/>
                    </a:lnTo>
                    <a:lnTo>
                      <a:pt x="234" y="835"/>
                    </a:lnTo>
                    <a:lnTo>
                      <a:pt x="232" y="825"/>
                    </a:lnTo>
                    <a:lnTo>
                      <a:pt x="230" y="815"/>
                    </a:lnTo>
                    <a:lnTo>
                      <a:pt x="229" y="804"/>
                    </a:lnTo>
                    <a:lnTo>
                      <a:pt x="229" y="794"/>
                    </a:lnTo>
                    <a:lnTo>
                      <a:pt x="217" y="792"/>
                    </a:lnTo>
                    <a:lnTo>
                      <a:pt x="205" y="789"/>
                    </a:lnTo>
                    <a:lnTo>
                      <a:pt x="193" y="787"/>
                    </a:lnTo>
                    <a:lnTo>
                      <a:pt x="181" y="784"/>
                    </a:lnTo>
                    <a:lnTo>
                      <a:pt x="171" y="779"/>
                    </a:lnTo>
                    <a:lnTo>
                      <a:pt x="159" y="775"/>
                    </a:lnTo>
                    <a:lnTo>
                      <a:pt x="149" y="770"/>
                    </a:lnTo>
                    <a:lnTo>
                      <a:pt x="138" y="765"/>
                    </a:lnTo>
                    <a:lnTo>
                      <a:pt x="118" y="755"/>
                    </a:lnTo>
                    <a:lnTo>
                      <a:pt x="99" y="741"/>
                    </a:lnTo>
                    <a:lnTo>
                      <a:pt x="82" y="728"/>
                    </a:lnTo>
                    <a:lnTo>
                      <a:pt x="65" y="712"/>
                    </a:lnTo>
                    <a:lnTo>
                      <a:pt x="51" y="695"/>
                    </a:lnTo>
                    <a:lnTo>
                      <a:pt x="45" y="687"/>
                    </a:lnTo>
                    <a:lnTo>
                      <a:pt x="38" y="678"/>
                    </a:lnTo>
                    <a:lnTo>
                      <a:pt x="33" y="668"/>
                    </a:lnTo>
                    <a:lnTo>
                      <a:pt x="28" y="659"/>
                    </a:lnTo>
                    <a:lnTo>
                      <a:pt x="22" y="649"/>
                    </a:lnTo>
                    <a:lnTo>
                      <a:pt x="17" y="639"/>
                    </a:lnTo>
                    <a:lnTo>
                      <a:pt x="14" y="629"/>
                    </a:lnTo>
                    <a:lnTo>
                      <a:pt x="11" y="619"/>
                    </a:lnTo>
                    <a:lnTo>
                      <a:pt x="7" y="608"/>
                    </a:lnTo>
                    <a:lnTo>
                      <a:pt x="5" y="596"/>
                    </a:lnTo>
                    <a:lnTo>
                      <a:pt x="2" y="586"/>
                    </a:lnTo>
                    <a:lnTo>
                      <a:pt x="2" y="576"/>
                    </a:lnTo>
                    <a:lnTo>
                      <a:pt x="0" y="564"/>
                    </a:lnTo>
                    <a:lnTo>
                      <a:pt x="0" y="552"/>
                    </a:lnTo>
                    <a:lnTo>
                      <a:pt x="0" y="544"/>
                    </a:lnTo>
                    <a:lnTo>
                      <a:pt x="2" y="533"/>
                    </a:lnTo>
                    <a:lnTo>
                      <a:pt x="2" y="523"/>
                    </a:lnTo>
                    <a:lnTo>
                      <a:pt x="4" y="513"/>
                    </a:lnTo>
                    <a:lnTo>
                      <a:pt x="5" y="503"/>
                    </a:lnTo>
                    <a:lnTo>
                      <a:pt x="9" y="494"/>
                    </a:lnTo>
                    <a:lnTo>
                      <a:pt x="11" y="484"/>
                    </a:lnTo>
                    <a:lnTo>
                      <a:pt x="14" y="475"/>
                    </a:lnTo>
                    <a:lnTo>
                      <a:pt x="22" y="457"/>
                    </a:lnTo>
                    <a:lnTo>
                      <a:pt x="31" y="438"/>
                    </a:lnTo>
                    <a:lnTo>
                      <a:pt x="43" y="421"/>
                    </a:lnTo>
                    <a:lnTo>
                      <a:pt x="55" y="404"/>
                    </a:lnTo>
                    <a:lnTo>
                      <a:pt x="57" y="404"/>
                    </a:lnTo>
                    <a:lnTo>
                      <a:pt x="51" y="395"/>
                    </a:lnTo>
                    <a:lnTo>
                      <a:pt x="48" y="387"/>
                    </a:lnTo>
                    <a:lnTo>
                      <a:pt x="46" y="376"/>
                    </a:lnTo>
                    <a:lnTo>
                      <a:pt x="43" y="368"/>
                    </a:lnTo>
                    <a:lnTo>
                      <a:pt x="41" y="358"/>
                    </a:lnTo>
                    <a:lnTo>
                      <a:pt x="40" y="347"/>
                    </a:lnTo>
                    <a:lnTo>
                      <a:pt x="40" y="339"/>
                    </a:lnTo>
                    <a:lnTo>
                      <a:pt x="40" y="329"/>
                    </a:lnTo>
                    <a:lnTo>
                      <a:pt x="40" y="313"/>
                    </a:lnTo>
                    <a:lnTo>
                      <a:pt x="41" y="296"/>
                    </a:lnTo>
                    <a:lnTo>
                      <a:pt x="46" y="281"/>
                    </a:lnTo>
                    <a:lnTo>
                      <a:pt x="50" y="267"/>
                    </a:lnTo>
                    <a:lnTo>
                      <a:pt x="57" y="252"/>
                    </a:lnTo>
                    <a:lnTo>
                      <a:pt x="63" y="238"/>
                    </a:lnTo>
                    <a:lnTo>
                      <a:pt x="72" y="225"/>
                    </a:lnTo>
                    <a:lnTo>
                      <a:pt x="82" y="213"/>
                    </a:lnTo>
                    <a:lnTo>
                      <a:pt x="92" y="201"/>
                    </a:lnTo>
                    <a:lnTo>
                      <a:pt x="104" y="189"/>
                    </a:lnTo>
                    <a:lnTo>
                      <a:pt x="118" y="179"/>
                    </a:lnTo>
                    <a:lnTo>
                      <a:pt x="132" y="170"/>
                    </a:lnTo>
                    <a:lnTo>
                      <a:pt x="145" y="162"/>
                    </a:lnTo>
                    <a:lnTo>
                      <a:pt x="161" y="155"/>
                    </a:lnTo>
                    <a:lnTo>
                      <a:pt x="178" y="148"/>
                    </a:lnTo>
                    <a:lnTo>
                      <a:pt x="195" y="143"/>
                    </a:lnTo>
                    <a:lnTo>
                      <a:pt x="193" y="143"/>
                    </a:lnTo>
                    <a:lnTo>
                      <a:pt x="196" y="127"/>
                    </a:lnTo>
                    <a:lnTo>
                      <a:pt x="201" y="114"/>
                    </a:lnTo>
                    <a:lnTo>
                      <a:pt x="208" y="98"/>
                    </a:lnTo>
                    <a:lnTo>
                      <a:pt x="217" y="87"/>
                    </a:lnTo>
                    <a:lnTo>
                      <a:pt x="225" y="73"/>
                    </a:lnTo>
                    <a:lnTo>
                      <a:pt x="236" y="61"/>
                    </a:lnTo>
                    <a:lnTo>
                      <a:pt x="248" y="51"/>
                    </a:lnTo>
                    <a:lnTo>
                      <a:pt x="259" y="41"/>
                    </a:lnTo>
                    <a:lnTo>
                      <a:pt x="271" y="32"/>
                    </a:lnTo>
                    <a:lnTo>
                      <a:pt x="285" y="23"/>
                    </a:lnTo>
                    <a:lnTo>
                      <a:pt x="300" y="17"/>
                    </a:lnTo>
                    <a:lnTo>
                      <a:pt x="316" y="10"/>
                    </a:lnTo>
                    <a:lnTo>
                      <a:pt x="331" y="6"/>
                    </a:lnTo>
                    <a:lnTo>
                      <a:pt x="348" y="3"/>
                    </a:lnTo>
                    <a:lnTo>
                      <a:pt x="363" y="1"/>
                    </a:lnTo>
                    <a:lnTo>
                      <a:pt x="382" y="0"/>
                    </a:lnTo>
                    <a:lnTo>
                      <a:pt x="392" y="0"/>
                    </a:lnTo>
                    <a:lnTo>
                      <a:pt x="403" y="1"/>
                    </a:lnTo>
                    <a:lnTo>
                      <a:pt x="413" y="3"/>
                    </a:lnTo>
                    <a:lnTo>
                      <a:pt x="423" y="5"/>
                    </a:lnTo>
                    <a:lnTo>
                      <a:pt x="433" y="6"/>
                    </a:lnTo>
                    <a:lnTo>
                      <a:pt x="444" y="10"/>
                    </a:lnTo>
                    <a:lnTo>
                      <a:pt x="452" y="12"/>
                    </a:lnTo>
                    <a:lnTo>
                      <a:pt x="462" y="17"/>
                    </a:lnTo>
                    <a:lnTo>
                      <a:pt x="471" y="20"/>
                    </a:lnTo>
                    <a:lnTo>
                      <a:pt x="479" y="25"/>
                    </a:lnTo>
                    <a:lnTo>
                      <a:pt x="490" y="30"/>
                    </a:lnTo>
                    <a:lnTo>
                      <a:pt x="496" y="35"/>
                    </a:lnTo>
                    <a:lnTo>
                      <a:pt x="513" y="47"/>
                    </a:lnTo>
                    <a:lnTo>
                      <a:pt x="527" y="61"/>
                    </a:lnTo>
                    <a:lnTo>
                      <a:pt x="541" y="47"/>
                    </a:lnTo>
                    <a:lnTo>
                      <a:pt x="554" y="35"/>
                    </a:lnTo>
                    <a:lnTo>
                      <a:pt x="563" y="30"/>
                    </a:lnTo>
                    <a:lnTo>
                      <a:pt x="570" y="25"/>
                    </a:lnTo>
                    <a:lnTo>
                      <a:pt x="578" y="20"/>
                    </a:lnTo>
                    <a:lnTo>
                      <a:pt x="587" y="17"/>
                    </a:lnTo>
                    <a:lnTo>
                      <a:pt x="597" y="13"/>
                    </a:lnTo>
                    <a:lnTo>
                      <a:pt x="605" y="10"/>
                    </a:lnTo>
                    <a:lnTo>
                      <a:pt x="614" y="6"/>
                    </a:lnTo>
                    <a:lnTo>
                      <a:pt x="624" y="5"/>
                    </a:lnTo>
                    <a:lnTo>
                      <a:pt x="634" y="3"/>
                    </a:lnTo>
                    <a:lnTo>
                      <a:pt x="643" y="1"/>
                    </a:lnTo>
                    <a:lnTo>
                      <a:pt x="653" y="0"/>
                    </a:lnTo>
                    <a:lnTo>
                      <a:pt x="663" y="0"/>
                    </a:lnTo>
                    <a:lnTo>
                      <a:pt x="675" y="0"/>
                    </a:lnTo>
                    <a:lnTo>
                      <a:pt x="687" y="1"/>
                    </a:lnTo>
                    <a:lnTo>
                      <a:pt x="699" y="3"/>
                    </a:lnTo>
                    <a:lnTo>
                      <a:pt x="711" y="6"/>
                    </a:lnTo>
                    <a:lnTo>
                      <a:pt x="723" y="10"/>
                    </a:lnTo>
                    <a:lnTo>
                      <a:pt x="733" y="13"/>
                    </a:lnTo>
                    <a:lnTo>
                      <a:pt x="744" y="18"/>
                    </a:lnTo>
                    <a:lnTo>
                      <a:pt x="754" y="23"/>
                    </a:lnTo>
                    <a:lnTo>
                      <a:pt x="764" y="29"/>
                    </a:lnTo>
                    <a:lnTo>
                      <a:pt x="773" y="35"/>
                    </a:lnTo>
                    <a:lnTo>
                      <a:pt x="783" y="42"/>
                    </a:lnTo>
                    <a:lnTo>
                      <a:pt x="790" y="51"/>
                    </a:lnTo>
                    <a:lnTo>
                      <a:pt x="798" y="59"/>
                    </a:lnTo>
                    <a:lnTo>
                      <a:pt x="805" y="68"/>
                    </a:lnTo>
                    <a:lnTo>
                      <a:pt x="812" y="76"/>
                    </a:lnTo>
                    <a:lnTo>
                      <a:pt x="817" y="87"/>
                    </a:lnTo>
                    <a:lnTo>
                      <a:pt x="817" y="90"/>
                    </a:lnTo>
                    <a:lnTo>
                      <a:pt x="832" y="76"/>
                    </a:lnTo>
                    <a:lnTo>
                      <a:pt x="849" y="66"/>
                    </a:lnTo>
                    <a:lnTo>
                      <a:pt x="866" y="56"/>
                    </a:lnTo>
                    <a:lnTo>
                      <a:pt x="885" y="49"/>
                    </a:lnTo>
                    <a:lnTo>
                      <a:pt x="894" y="46"/>
                    </a:lnTo>
                    <a:lnTo>
                      <a:pt x="904" y="42"/>
                    </a:lnTo>
                    <a:lnTo>
                      <a:pt x="914" y="41"/>
                    </a:lnTo>
                    <a:lnTo>
                      <a:pt x="924" y="37"/>
                    </a:lnTo>
                    <a:lnTo>
                      <a:pt x="933" y="35"/>
                    </a:lnTo>
                    <a:lnTo>
                      <a:pt x="943" y="35"/>
                    </a:lnTo>
                    <a:lnTo>
                      <a:pt x="953" y="34"/>
                    </a:lnTo>
                    <a:lnTo>
                      <a:pt x="963" y="34"/>
                    </a:lnTo>
                    <a:lnTo>
                      <a:pt x="979" y="35"/>
                    </a:lnTo>
                    <a:lnTo>
                      <a:pt x="992" y="35"/>
                    </a:lnTo>
                    <a:lnTo>
                      <a:pt x="1008" y="39"/>
                    </a:lnTo>
                    <a:lnTo>
                      <a:pt x="1021" y="41"/>
                    </a:lnTo>
                    <a:lnTo>
                      <a:pt x="1035" y="46"/>
                    </a:lnTo>
                    <a:lnTo>
                      <a:pt x="1047" y="49"/>
                    </a:lnTo>
                    <a:lnTo>
                      <a:pt x="1061" y="56"/>
                    </a:lnTo>
                    <a:lnTo>
                      <a:pt x="1073" y="61"/>
                    </a:lnTo>
                    <a:lnTo>
                      <a:pt x="1085" y="68"/>
                    </a:lnTo>
                    <a:lnTo>
                      <a:pt x="1095" y="76"/>
                    </a:lnTo>
                    <a:lnTo>
                      <a:pt x="1107" y="85"/>
                    </a:lnTo>
                    <a:lnTo>
                      <a:pt x="1117" y="93"/>
                    </a:lnTo>
                    <a:lnTo>
                      <a:pt x="1125" y="104"/>
                    </a:lnTo>
                    <a:lnTo>
                      <a:pt x="1134" y="114"/>
                    </a:lnTo>
                    <a:lnTo>
                      <a:pt x="1142" y="124"/>
                    </a:lnTo>
                    <a:lnTo>
                      <a:pt x="1149" y="136"/>
                    </a:lnTo>
                    <a:lnTo>
                      <a:pt x="1151" y="138"/>
                    </a:lnTo>
                    <a:lnTo>
                      <a:pt x="1166" y="129"/>
                    </a:lnTo>
                    <a:lnTo>
                      <a:pt x="1182" y="122"/>
                    </a:lnTo>
                    <a:lnTo>
                      <a:pt x="1199" y="117"/>
                    </a:lnTo>
                    <a:lnTo>
                      <a:pt x="1216" y="112"/>
                    </a:lnTo>
                    <a:lnTo>
                      <a:pt x="1233" y="109"/>
                    </a:lnTo>
                    <a:lnTo>
                      <a:pt x="1250" y="107"/>
                    </a:lnTo>
                    <a:lnTo>
                      <a:pt x="1267" y="105"/>
                    </a:lnTo>
                    <a:lnTo>
                      <a:pt x="1286" y="104"/>
                    </a:lnTo>
                    <a:lnTo>
                      <a:pt x="1299" y="104"/>
                    </a:lnTo>
                    <a:lnTo>
                      <a:pt x="1311" y="105"/>
                    </a:lnTo>
                    <a:lnTo>
                      <a:pt x="1325" y="107"/>
                    </a:lnTo>
                    <a:lnTo>
                      <a:pt x="1339" y="109"/>
                    </a:lnTo>
                    <a:lnTo>
                      <a:pt x="1350" y="112"/>
                    </a:lnTo>
                    <a:lnTo>
                      <a:pt x="1364" y="116"/>
                    </a:lnTo>
                    <a:lnTo>
                      <a:pt x="1376" y="119"/>
                    </a:lnTo>
                    <a:lnTo>
                      <a:pt x="1388" y="122"/>
                    </a:lnTo>
                    <a:lnTo>
                      <a:pt x="1400" y="127"/>
                    </a:lnTo>
                    <a:lnTo>
                      <a:pt x="1412" y="133"/>
                    </a:lnTo>
                    <a:lnTo>
                      <a:pt x="1422" y="139"/>
                    </a:lnTo>
                    <a:lnTo>
                      <a:pt x="1434" y="146"/>
                    </a:lnTo>
                    <a:lnTo>
                      <a:pt x="1444" y="153"/>
                    </a:lnTo>
                    <a:lnTo>
                      <a:pt x="1454" y="160"/>
                    </a:lnTo>
                    <a:lnTo>
                      <a:pt x="1463" y="167"/>
                    </a:lnTo>
                    <a:lnTo>
                      <a:pt x="1473" y="175"/>
                    </a:lnTo>
                    <a:lnTo>
                      <a:pt x="1482" y="184"/>
                    </a:lnTo>
                    <a:lnTo>
                      <a:pt x="1490" y="192"/>
                    </a:lnTo>
                    <a:lnTo>
                      <a:pt x="1497" y="201"/>
                    </a:lnTo>
                    <a:lnTo>
                      <a:pt x="1506" y="211"/>
                    </a:lnTo>
                    <a:lnTo>
                      <a:pt x="1512" y="221"/>
                    </a:lnTo>
                    <a:lnTo>
                      <a:pt x="1519" y="231"/>
                    </a:lnTo>
                    <a:lnTo>
                      <a:pt x="1524" y="242"/>
                    </a:lnTo>
                    <a:lnTo>
                      <a:pt x="1529" y="252"/>
                    </a:lnTo>
                    <a:lnTo>
                      <a:pt x="1535" y="264"/>
                    </a:lnTo>
                    <a:lnTo>
                      <a:pt x="1538" y="274"/>
                    </a:lnTo>
                    <a:lnTo>
                      <a:pt x="1541" y="286"/>
                    </a:lnTo>
                    <a:lnTo>
                      <a:pt x="1545" y="298"/>
                    </a:lnTo>
                    <a:lnTo>
                      <a:pt x="1548" y="310"/>
                    </a:lnTo>
                    <a:lnTo>
                      <a:pt x="1550" y="322"/>
                    </a:lnTo>
                    <a:lnTo>
                      <a:pt x="1550" y="334"/>
                    </a:lnTo>
                    <a:lnTo>
                      <a:pt x="1550" y="347"/>
                    </a:lnTo>
                    <a:lnTo>
                      <a:pt x="1550" y="363"/>
                    </a:lnTo>
                    <a:lnTo>
                      <a:pt x="1548" y="38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7" name="Freeform 1161"/>
              <p:cNvSpPr>
                <a:spLocks/>
              </p:cNvSpPr>
              <p:nvPr/>
            </p:nvSpPr>
            <p:spPr bwMode="auto">
              <a:xfrm>
                <a:off x="4227371" y="1708448"/>
                <a:ext cx="94115" cy="20638"/>
              </a:xfrm>
              <a:custGeom>
                <a:avLst/>
                <a:gdLst/>
                <a:ahLst/>
                <a:cxnLst>
                  <a:cxn ang="0">
                    <a:pos x="98" y="0"/>
                  </a:cxn>
                  <a:cxn ang="0">
                    <a:pos x="88" y="4"/>
                  </a:cxn>
                  <a:cxn ang="0">
                    <a:pos x="78" y="9"/>
                  </a:cxn>
                  <a:cxn ang="0">
                    <a:pos x="68" y="12"/>
                  </a:cxn>
                  <a:cxn ang="0">
                    <a:pos x="57" y="16"/>
                  </a:cxn>
                  <a:cxn ang="0">
                    <a:pos x="46" y="17"/>
                  </a:cxn>
                  <a:cxn ang="0">
                    <a:pos x="35" y="19"/>
                  </a:cxn>
                  <a:cxn ang="0">
                    <a:pos x="23" y="21"/>
                  </a:cxn>
                  <a:cxn ang="0">
                    <a:pos x="11" y="21"/>
                  </a:cxn>
                  <a:cxn ang="0">
                    <a:pos x="6" y="21"/>
                  </a:cxn>
                  <a:cxn ang="0">
                    <a:pos x="0" y="21"/>
                  </a:cxn>
                </a:cxnLst>
                <a:rect l="0" t="0" r="r" b="b"/>
                <a:pathLst>
                  <a:path w="98" h="21">
                    <a:moveTo>
                      <a:pt x="98" y="0"/>
                    </a:moveTo>
                    <a:lnTo>
                      <a:pt x="88" y="4"/>
                    </a:lnTo>
                    <a:lnTo>
                      <a:pt x="78" y="9"/>
                    </a:lnTo>
                    <a:lnTo>
                      <a:pt x="68" y="12"/>
                    </a:lnTo>
                    <a:lnTo>
                      <a:pt x="57" y="16"/>
                    </a:lnTo>
                    <a:lnTo>
                      <a:pt x="46" y="17"/>
                    </a:lnTo>
                    <a:lnTo>
                      <a:pt x="35" y="19"/>
                    </a:lnTo>
                    <a:lnTo>
                      <a:pt x="23" y="21"/>
                    </a:lnTo>
                    <a:lnTo>
                      <a:pt x="11" y="21"/>
                    </a:lnTo>
                    <a:lnTo>
                      <a:pt x="6" y="21"/>
                    </a:lnTo>
                    <a:lnTo>
                      <a:pt x="0" y="21"/>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8" name="Freeform 1160"/>
              <p:cNvSpPr>
                <a:spLocks/>
              </p:cNvSpPr>
              <p:nvPr/>
            </p:nvSpPr>
            <p:spPr bwMode="auto">
              <a:xfrm>
                <a:off x="4141511" y="1947845"/>
                <a:ext cx="41278" cy="10732"/>
              </a:xfrm>
              <a:custGeom>
                <a:avLst/>
                <a:gdLst/>
                <a:ahLst/>
                <a:cxnLst>
                  <a:cxn ang="0">
                    <a:pos x="43" y="11"/>
                  </a:cxn>
                  <a:cxn ang="0">
                    <a:pos x="32" y="9"/>
                  </a:cxn>
                  <a:cxn ang="0">
                    <a:pos x="20" y="7"/>
                  </a:cxn>
                  <a:cxn ang="0">
                    <a:pos x="10" y="4"/>
                  </a:cxn>
                  <a:cxn ang="0">
                    <a:pos x="0" y="0"/>
                  </a:cxn>
                </a:cxnLst>
                <a:rect l="0" t="0" r="r" b="b"/>
                <a:pathLst>
                  <a:path w="43" h="11">
                    <a:moveTo>
                      <a:pt x="43" y="11"/>
                    </a:moveTo>
                    <a:lnTo>
                      <a:pt x="32" y="9"/>
                    </a:lnTo>
                    <a:lnTo>
                      <a:pt x="20" y="7"/>
                    </a:lnTo>
                    <a:lnTo>
                      <a:pt x="10" y="4"/>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9" name="Freeform 1159"/>
              <p:cNvSpPr>
                <a:spLocks/>
              </p:cNvSpPr>
              <p:nvPr/>
            </p:nvSpPr>
            <p:spPr bwMode="auto">
              <a:xfrm>
                <a:off x="3780738" y="2012234"/>
                <a:ext cx="23942" cy="44577"/>
              </a:xfrm>
              <a:custGeom>
                <a:avLst/>
                <a:gdLst/>
                <a:ahLst/>
                <a:cxnLst>
                  <a:cxn ang="0">
                    <a:pos x="25" y="0"/>
                  </a:cxn>
                  <a:cxn ang="0">
                    <a:pos x="20" y="12"/>
                  </a:cxn>
                  <a:cxn ang="0">
                    <a:pos x="13" y="22"/>
                  </a:cxn>
                  <a:cxn ang="0">
                    <a:pos x="7" y="34"/>
                  </a:cxn>
                  <a:cxn ang="0">
                    <a:pos x="0" y="46"/>
                  </a:cxn>
                </a:cxnLst>
                <a:rect l="0" t="0" r="r" b="b"/>
                <a:pathLst>
                  <a:path w="25" h="46">
                    <a:moveTo>
                      <a:pt x="25" y="0"/>
                    </a:moveTo>
                    <a:lnTo>
                      <a:pt x="20" y="12"/>
                    </a:lnTo>
                    <a:lnTo>
                      <a:pt x="13" y="22"/>
                    </a:lnTo>
                    <a:lnTo>
                      <a:pt x="7" y="34"/>
                    </a:lnTo>
                    <a:lnTo>
                      <a:pt x="0" y="46"/>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0" name="Freeform 1158"/>
              <p:cNvSpPr>
                <a:spLocks/>
              </p:cNvSpPr>
              <p:nvPr/>
            </p:nvSpPr>
            <p:spPr bwMode="auto">
              <a:xfrm>
                <a:off x="3310989" y="1945368"/>
                <a:ext cx="11558" cy="48705"/>
              </a:xfrm>
              <a:custGeom>
                <a:avLst/>
                <a:gdLst/>
                <a:ahLst/>
                <a:cxnLst>
                  <a:cxn ang="0">
                    <a:pos x="12" y="51"/>
                  </a:cxn>
                  <a:cxn ang="0">
                    <a:pos x="7" y="37"/>
                  </a:cxn>
                  <a:cxn ang="0">
                    <a:pos x="5" y="25"/>
                  </a:cxn>
                  <a:cxn ang="0">
                    <a:pos x="2" y="12"/>
                  </a:cxn>
                  <a:cxn ang="0">
                    <a:pos x="0" y="0"/>
                  </a:cxn>
                </a:cxnLst>
                <a:rect l="0" t="0" r="r" b="b"/>
                <a:pathLst>
                  <a:path w="12" h="51">
                    <a:moveTo>
                      <a:pt x="12" y="51"/>
                    </a:moveTo>
                    <a:lnTo>
                      <a:pt x="7" y="37"/>
                    </a:lnTo>
                    <a:lnTo>
                      <a:pt x="5" y="25"/>
                    </a:lnTo>
                    <a:lnTo>
                      <a:pt x="2" y="12"/>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1" name="Freeform 1157"/>
              <p:cNvSpPr>
                <a:spLocks/>
              </p:cNvSpPr>
              <p:nvPr/>
            </p:nvSpPr>
            <p:spPr bwMode="auto">
              <a:xfrm>
                <a:off x="2986540" y="1647360"/>
                <a:ext cx="123010" cy="179961"/>
              </a:xfrm>
              <a:custGeom>
                <a:avLst/>
                <a:gdLst/>
                <a:ahLst/>
                <a:cxnLst>
                  <a:cxn ang="0">
                    <a:pos x="0" y="187"/>
                  </a:cxn>
                  <a:cxn ang="0">
                    <a:pos x="0" y="185"/>
                  </a:cxn>
                  <a:cxn ang="0">
                    <a:pos x="0" y="170"/>
                  </a:cxn>
                  <a:cxn ang="0">
                    <a:pos x="1" y="156"/>
                  </a:cxn>
                  <a:cxn ang="0">
                    <a:pos x="5" y="141"/>
                  </a:cxn>
                  <a:cxn ang="0">
                    <a:pos x="8" y="127"/>
                  </a:cxn>
                  <a:cxn ang="0">
                    <a:pos x="13" y="114"/>
                  </a:cxn>
                  <a:cxn ang="0">
                    <a:pos x="20" y="100"/>
                  </a:cxn>
                  <a:cxn ang="0">
                    <a:pos x="27" y="88"/>
                  </a:cxn>
                  <a:cxn ang="0">
                    <a:pos x="34" y="75"/>
                  </a:cxn>
                  <a:cxn ang="0">
                    <a:pos x="44" y="63"/>
                  </a:cxn>
                  <a:cxn ang="0">
                    <a:pos x="53" y="52"/>
                  </a:cxn>
                  <a:cxn ang="0">
                    <a:pos x="63" y="42"/>
                  </a:cxn>
                  <a:cxn ang="0">
                    <a:pos x="75" y="32"/>
                  </a:cxn>
                  <a:cxn ang="0">
                    <a:pos x="87" y="22"/>
                  </a:cxn>
                  <a:cxn ang="0">
                    <a:pos x="100" y="13"/>
                  </a:cxn>
                  <a:cxn ang="0">
                    <a:pos x="114" y="6"/>
                  </a:cxn>
                  <a:cxn ang="0">
                    <a:pos x="128" y="0"/>
                  </a:cxn>
                </a:cxnLst>
                <a:rect l="0" t="0" r="r" b="b"/>
                <a:pathLst>
                  <a:path w="128" h="187">
                    <a:moveTo>
                      <a:pt x="0" y="187"/>
                    </a:moveTo>
                    <a:lnTo>
                      <a:pt x="0" y="185"/>
                    </a:lnTo>
                    <a:lnTo>
                      <a:pt x="0" y="170"/>
                    </a:lnTo>
                    <a:lnTo>
                      <a:pt x="1" y="156"/>
                    </a:lnTo>
                    <a:lnTo>
                      <a:pt x="5" y="141"/>
                    </a:lnTo>
                    <a:lnTo>
                      <a:pt x="8" y="127"/>
                    </a:lnTo>
                    <a:lnTo>
                      <a:pt x="13" y="114"/>
                    </a:lnTo>
                    <a:lnTo>
                      <a:pt x="20" y="100"/>
                    </a:lnTo>
                    <a:lnTo>
                      <a:pt x="27" y="88"/>
                    </a:lnTo>
                    <a:lnTo>
                      <a:pt x="34" y="75"/>
                    </a:lnTo>
                    <a:lnTo>
                      <a:pt x="44" y="63"/>
                    </a:lnTo>
                    <a:lnTo>
                      <a:pt x="53" y="52"/>
                    </a:lnTo>
                    <a:lnTo>
                      <a:pt x="63" y="42"/>
                    </a:lnTo>
                    <a:lnTo>
                      <a:pt x="75" y="32"/>
                    </a:lnTo>
                    <a:lnTo>
                      <a:pt x="87" y="22"/>
                    </a:lnTo>
                    <a:lnTo>
                      <a:pt x="100" y="13"/>
                    </a:lnTo>
                    <a:lnTo>
                      <a:pt x="114" y="6"/>
                    </a:lnTo>
                    <a:lnTo>
                      <a:pt x="128"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2" name="Freeform 1156"/>
              <p:cNvSpPr>
                <a:spLocks/>
              </p:cNvSpPr>
              <p:nvPr/>
            </p:nvSpPr>
            <p:spPr bwMode="auto">
              <a:xfrm>
                <a:off x="2820600" y="1451715"/>
                <a:ext cx="53662" cy="68517"/>
              </a:xfrm>
              <a:custGeom>
                <a:avLst/>
                <a:gdLst/>
                <a:ahLst/>
                <a:cxnLst>
                  <a:cxn ang="0">
                    <a:pos x="56" y="71"/>
                  </a:cxn>
                  <a:cxn ang="0">
                    <a:pos x="47" y="63"/>
                  </a:cxn>
                  <a:cxn ang="0">
                    <a:pos x="39" y="56"/>
                  </a:cxn>
                  <a:cxn ang="0">
                    <a:pos x="30" y="47"/>
                  </a:cxn>
                  <a:cxn ang="0">
                    <a:pos x="23" y="39"/>
                  </a:cxn>
                  <a:cxn ang="0">
                    <a:pos x="17" y="30"/>
                  </a:cxn>
                  <a:cxn ang="0">
                    <a:pos x="10" y="20"/>
                  </a:cxn>
                  <a:cxn ang="0">
                    <a:pos x="5" y="10"/>
                  </a:cxn>
                  <a:cxn ang="0">
                    <a:pos x="0" y="0"/>
                  </a:cxn>
                </a:cxnLst>
                <a:rect l="0" t="0" r="r" b="b"/>
                <a:pathLst>
                  <a:path w="56" h="71">
                    <a:moveTo>
                      <a:pt x="56" y="71"/>
                    </a:moveTo>
                    <a:lnTo>
                      <a:pt x="47" y="63"/>
                    </a:lnTo>
                    <a:lnTo>
                      <a:pt x="39" y="56"/>
                    </a:lnTo>
                    <a:lnTo>
                      <a:pt x="30" y="47"/>
                    </a:lnTo>
                    <a:lnTo>
                      <a:pt x="23" y="39"/>
                    </a:lnTo>
                    <a:lnTo>
                      <a:pt x="17" y="30"/>
                    </a:lnTo>
                    <a:lnTo>
                      <a:pt x="10" y="20"/>
                    </a:lnTo>
                    <a:lnTo>
                      <a:pt x="5" y="10"/>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3" name="Freeform 1155"/>
              <p:cNvSpPr>
                <a:spLocks/>
              </p:cNvSpPr>
              <p:nvPr/>
            </p:nvSpPr>
            <p:spPr bwMode="auto">
              <a:xfrm>
                <a:off x="2948564" y="1200761"/>
                <a:ext cx="3302" cy="33020"/>
              </a:xfrm>
              <a:custGeom>
                <a:avLst/>
                <a:gdLst/>
                <a:ahLst/>
                <a:cxnLst>
                  <a:cxn ang="0">
                    <a:pos x="0" y="34"/>
                  </a:cxn>
                  <a:cxn ang="0">
                    <a:pos x="0" y="31"/>
                  </a:cxn>
                  <a:cxn ang="0">
                    <a:pos x="1" y="15"/>
                  </a:cxn>
                  <a:cxn ang="0">
                    <a:pos x="1" y="8"/>
                  </a:cxn>
                  <a:cxn ang="0">
                    <a:pos x="3" y="0"/>
                  </a:cxn>
                </a:cxnLst>
                <a:rect l="0" t="0" r="r" b="b"/>
                <a:pathLst>
                  <a:path w="3" h="34">
                    <a:moveTo>
                      <a:pt x="0" y="34"/>
                    </a:moveTo>
                    <a:lnTo>
                      <a:pt x="0" y="31"/>
                    </a:lnTo>
                    <a:lnTo>
                      <a:pt x="1" y="15"/>
                    </a:lnTo>
                    <a:lnTo>
                      <a:pt x="1" y="8"/>
                    </a:lnTo>
                    <a:lnTo>
                      <a:pt x="3"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4" name="Freeform 1154"/>
              <p:cNvSpPr>
                <a:spLocks/>
              </p:cNvSpPr>
              <p:nvPr/>
            </p:nvSpPr>
            <p:spPr bwMode="auto">
              <a:xfrm>
                <a:off x="3273012" y="1122338"/>
                <a:ext cx="28069" cy="41275"/>
              </a:xfrm>
              <a:custGeom>
                <a:avLst/>
                <a:gdLst/>
                <a:ahLst/>
                <a:cxnLst>
                  <a:cxn ang="0">
                    <a:pos x="0" y="0"/>
                  </a:cxn>
                  <a:cxn ang="0">
                    <a:pos x="9" y="10"/>
                  </a:cxn>
                  <a:cxn ang="0">
                    <a:pos x="17" y="20"/>
                  </a:cxn>
                  <a:cxn ang="0">
                    <a:pos x="24" y="32"/>
                  </a:cxn>
                  <a:cxn ang="0">
                    <a:pos x="29" y="43"/>
                  </a:cxn>
                </a:cxnLst>
                <a:rect l="0" t="0" r="r" b="b"/>
                <a:pathLst>
                  <a:path w="29" h="43">
                    <a:moveTo>
                      <a:pt x="0" y="0"/>
                    </a:moveTo>
                    <a:lnTo>
                      <a:pt x="9" y="10"/>
                    </a:lnTo>
                    <a:lnTo>
                      <a:pt x="17" y="20"/>
                    </a:lnTo>
                    <a:lnTo>
                      <a:pt x="24" y="32"/>
                    </a:lnTo>
                    <a:lnTo>
                      <a:pt x="29" y="43"/>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5" name="Freeform 1153"/>
              <p:cNvSpPr>
                <a:spLocks/>
              </p:cNvSpPr>
              <p:nvPr/>
            </p:nvSpPr>
            <p:spPr bwMode="auto">
              <a:xfrm>
                <a:off x="3552055" y="1147103"/>
                <a:ext cx="14860" cy="35497"/>
              </a:xfrm>
              <a:custGeom>
                <a:avLst/>
                <a:gdLst/>
                <a:ahLst/>
                <a:cxnLst>
                  <a:cxn ang="0">
                    <a:pos x="0" y="0"/>
                  </a:cxn>
                  <a:cxn ang="0">
                    <a:pos x="5" y="8"/>
                  </a:cxn>
                  <a:cxn ang="0">
                    <a:pos x="8" y="18"/>
                  </a:cxn>
                  <a:cxn ang="0">
                    <a:pos x="12" y="27"/>
                  </a:cxn>
                  <a:cxn ang="0">
                    <a:pos x="15" y="37"/>
                  </a:cxn>
                </a:cxnLst>
                <a:rect l="0" t="0" r="r" b="b"/>
                <a:pathLst>
                  <a:path w="15" h="37">
                    <a:moveTo>
                      <a:pt x="0" y="0"/>
                    </a:moveTo>
                    <a:lnTo>
                      <a:pt x="5" y="8"/>
                    </a:lnTo>
                    <a:lnTo>
                      <a:pt x="8" y="18"/>
                    </a:lnTo>
                    <a:lnTo>
                      <a:pt x="12" y="27"/>
                    </a:lnTo>
                    <a:lnTo>
                      <a:pt x="15" y="37"/>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6" name="Freeform 1152"/>
              <p:cNvSpPr>
                <a:spLocks/>
              </p:cNvSpPr>
              <p:nvPr/>
            </p:nvSpPr>
            <p:spPr bwMode="auto">
              <a:xfrm>
                <a:off x="3824493" y="1196633"/>
                <a:ext cx="49534" cy="34671"/>
              </a:xfrm>
              <a:custGeom>
                <a:avLst/>
                <a:gdLst/>
                <a:ahLst/>
                <a:cxnLst>
                  <a:cxn ang="0">
                    <a:pos x="0" y="36"/>
                  </a:cxn>
                  <a:cxn ang="0">
                    <a:pos x="12" y="25"/>
                  </a:cxn>
                  <a:cxn ang="0">
                    <a:pos x="24" y="15"/>
                  </a:cxn>
                  <a:cxn ang="0">
                    <a:pos x="37" y="7"/>
                  </a:cxn>
                  <a:cxn ang="0">
                    <a:pos x="51" y="0"/>
                  </a:cxn>
                </a:cxnLst>
                <a:rect l="0" t="0" r="r" b="b"/>
                <a:pathLst>
                  <a:path w="51" h="36">
                    <a:moveTo>
                      <a:pt x="0" y="36"/>
                    </a:moveTo>
                    <a:lnTo>
                      <a:pt x="12" y="25"/>
                    </a:lnTo>
                    <a:lnTo>
                      <a:pt x="24" y="15"/>
                    </a:lnTo>
                    <a:lnTo>
                      <a:pt x="37" y="7"/>
                    </a:lnTo>
                    <a:lnTo>
                      <a:pt x="51"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7" name="Freeform 1151"/>
              <p:cNvSpPr>
                <a:spLocks/>
              </p:cNvSpPr>
              <p:nvPr/>
            </p:nvSpPr>
            <p:spPr bwMode="auto">
              <a:xfrm>
                <a:off x="4248010" y="1428601"/>
                <a:ext cx="7430" cy="36322"/>
              </a:xfrm>
              <a:custGeom>
                <a:avLst/>
                <a:gdLst/>
                <a:ahLst/>
                <a:cxnLst>
                  <a:cxn ang="0">
                    <a:pos x="8" y="0"/>
                  </a:cxn>
                  <a:cxn ang="0">
                    <a:pos x="7" y="8"/>
                  </a:cxn>
                  <a:cxn ang="0">
                    <a:pos x="5" y="19"/>
                  </a:cxn>
                  <a:cxn ang="0">
                    <a:pos x="1" y="27"/>
                  </a:cxn>
                  <a:cxn ang="0">
                    <a:pos x="0" y="37"/>
                  </a:cxn>
                </a:cxnLst>
                <a:rect l="0" t="0" r="r" b="b"/>
                <a:pathLst>
                  <a:path w="8" h="37">
                    <a:moveTo>
                      <a:pt x="8" y="0"/>
                    </a:moveTo>
                    <a:lnTo>
                      <a:pt x="7" y="8"/>
                    </a:lnTo>
                    <a:lnTo>
                      <a:pt x="5" y="19"/>
                    </a:lnTo>
                    <a:lnTo>
                      <a:pt x="1" y="27"/>
                    </a:lnTo>
                    <a:lnTo>
                      <a:pt x="0" y="37"/>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8" name="Freeform 1150"/>
              <p:cNvSpPr>
                <a:spLocks/>
              </p:cNvSpPr>
              <p:nvPr/>
            </p:nvSpPr>
            <p:spPr bwMode="auto">
              <a:xfrm>
                <a:off x="2684381" y="981176"/>
                <a:ext cx="1637104" cy="1097099"/>
              </a:xfrm>
              <a:custGeom>
                <a:avLst/>
                <a:gdLst/>
                <a:ahLst/>
                <a:cxnLst>
                  <a:cxn ang="0">
                    <a:pos x="1621" y="403"/>
                  </a:cxn>
                  <a:cxn ang="0">
                    <a:pos x="1683" y="466"/>
                  </a:cxn>
                  <a:cxn ang="0">
                    <a:pos x="1701" y="546"/>
                  </a:cxn>
                  <a:cxn ang="0">
                    <a:pos x="1684" y="606"/>
                  </a:cxn>
                  <a:cxn ang="0">
                    <a:pos x="1643" y="653"/>
                  </a:cxn>
                  <a:cxn ang="0">
                    <a:pos x="1637" y="693"/>
                  </a:cxn>
                  <a:cxn ang="0">
                    <a:pos x="1664" y="776"/>
                  </a:cxn>
                  <a:cxn ang="0">
                    <a:pos x="1650" y="838"/>
                  </a:cxn>
                  <a:cxn ang="0">
                    <a:pos x="1587" y="906"/>
                  </a:cxn>
                  <a:cxn ang="0">
                    <a:pos x="1492" y="933"/>
                  </a:cxn>
                  <a:cxn ang="0">
                    <a:pos x="1437" y="977"/>
                  </a:cxn>
                  <a:cxn ang="0">
                    <a:pos x="1343" y="1044"/>
                  </a:cxn>
                  <a:cxn ang="0">
                    <a:pos x="1229" y="1071"/>
                  </a:cxn>
                  <a:cxn ang="0">
                    <a:pos x="1108" y="1056"/>
                  </a:cxn>
                  <a:cxn ang="0">
                    <a:pos x="1033" y="1057"/>
                  </a:cxn>
                  <a:cxn ang="0">
                    <a:pos x="956" y="1112"/>
                  </a:cxn>
                  <a:cxn ang="0">
                    <a:pos x="864" y="1139"/>
                  </a:cxn>
                  <a:cxn ang="0">
                    <a:pos x="747" y="1127"/>
                  </a:cxn>
                  <a:cxn ang="0">
                    <a:pos x="643" y="1068"/>
                  </a:cxn>
                  <a:cxn ang="0">
                    <a:pos x="578" y="969"/>
                  </a:cxn>
                  <a:cxn ang="0">
                    <a:pos x="505" y="996"/>
                  </a:cxn>
                  <a:cxn ang="0">
                    <a:pos x="423" y="998"/>
                  </a:cxn>
                  <a:cxn ang="0">
                    <a:pos x="358" y="981"/>
                  </a:cxn>
                  <a:cxn ang="0">
                    <a:pos x="268" y="911"/>
                  </a:cxn>
                  <a:cxn ang="0">
                    <a:pos x="239" y="856"/>
                  </a:cxn>
                  <a:cxn ang="0">
                    <a:pos x="229" y="795"/>
                  </a:cxn>
                  <a:cxn ang="0">
                    <a:pos x="171" y="780"/>
                  </a:cxn>
                  <a:cxn ang="0">
                    <a:pos x="82" y="728"/>
                  </a:cxn>
                  <a:cxn ang="0">
                    <a:pos x="27" y="660"/>
                  </a:cxn>
                  <a:cxn ang="0">
                    <a:pos x="5" y="597"/>
                  </a:cxn>
                  <a:cxn ang="0">
                    <a:pos x="2" y="534"/>
                  </a:cxn>
                  <a:cxn ang="0">
                    <a:pos x="14" y="476"/>
                  </a:cxn>
                  <a:cxn ang="0">
                    <a:pos x="51" y="396"/>
                  </a:cxn>
                  <a:cxn ang="0">
                    <a:pos x="39" y="340"/>
                  </a:cxn>
                  <a:cxn ang="0">
                    <a:pos x="56" y="253"/>
                  </a:cxn>
                  <a:cxn ang="0">
                    <a:pos x="118" y="179"/>
                  </a:cxn>
                  <a:cxn ang="0">
                    <a:pos x="193" y="144"/>
                  </a:cxn>
                  <a:cxn ang="0">
                    <a:pos x="235" y="62"/>
                  </a:cxn>
                  <a:cxn ang="0">
                    <a:pos x="315" y="11"/>
                  </a:cxn>
                  <a:cxn ang="0">
                    <a:pos x="402" y="2"/>
                  </a:cxn>
                  <a:cxn ang="0">
                    <a:pos x="462" y="17"/>
                  </a:cxn>
                  <a:cxn ang="0">
                    <a:pos x="527" y="62"/>
                  </a:cxn>
                  <a:cxn ang="0">
                    <a:pos x="578" y="21"/>
                  </a:cxn>
                  <a:cxn ang="0">
                    <a:pos x="634" y="4"/>
                  </a:cxn>
                  <a:cxn ang="0">
                    <a:pos x="699" y="4"/>
                  </a:cxn>
                  <a:cxn ang="0">
                    <a:pos x="764" y="29"/>
                  </a:cxn>
                  <a:cxn ang="0">
                    <a:pos x="812" y="77"/>
                  </a:cxn>
                  <a:cxn ang="0">
                    <a:pos x="885" y="50"/>
                  </a:cxn>
                  <a:cxn ang="0">
                    <a:pos x="943" y="36"/>
                  </a:cxn>
                  <a:cxn ang="0">
                    <a:pos x="1021" y="41"/>
                  </a:cxn>
                  <a:cxn ang="0">
                    <a:pos x="1095" y="77"/>
                  </a:cxn>
                  <a:cxn ang="0">
                    <a:pos x="1149" y="137"/>
                  </a:cxn>
                  <a:cxn ang="0">
                    <a:pos x="1233" y="109"/>
                  </a:cxn>
                  <a:cxn ang="0">
                    <a:pos x="1325" y="108"/>
                  </a:cxn>
                  <a:cxn ang="0">
                    <a:pos x="1400" y="128"/>
                  </a:cxn>
                  <a:cxn ang="0">
                    <a:pos x="1463" y="167"/>
                  </a:cxn>
                  <a:cxn ang="0">
                    <a:pos x="1512" y="222"/>
                  </a:cxn>
                  <a:cxn ang="0">
                    <a:pos x="1541" y="287"/>
                  </a:cxn>
                  <a:cxn ang="0">
                    <a:pos x="1550" y="364"/>
                  </a:cxn>
                </a:cxnLst>
                <a:rect l="0" t="0" r="r" b="b"/>
                <a:pathLst>
                  <a:path w="1701" h="1141">
                    <a:moveTo>
                      <a:pt x="1548" y="381"/>
                    </a:moveTo>
                    <a:lnTo>
                      <a:pt x="1563" y="382"/>
                    </a:lnTo>
                    <a:lnTo>
                      <a:pt x="1579" y="386"/>
                    </a:lnTo>
                    <a:lnTo>
                      <a:pt x="1594" y="391"/>
                    </a:lnTo>
                    <a:lnTo>
                      <a:pt x="1608" y="396"/>
                    </a:lnTo>
                    <a:lnTo>
                      <a:pt x="1621" y="403"/>
                    </a:lnTo>
                    <a:lnTo>
                      <a:pt x="1635" y="411"/>
                    </a:lnTo>
                    <a:lnTo>
                      <a:pt x="1647" y="420"/>
                    </a:lnTo>
                    <a:lnTo>
                      <a:pt x="1657" y="430"/>
                    </a:lnTo>
                    <a:lnTo>
                      <a:pt x="1667" y="442"/>
                    </a:lnTo>
                    <a:lnTo>
                      <a:pt x="1676" y="454"/>
                    </a:lnTo>
                    <a:lnTo>
                      <a:pt x="1683" y="466"/>
                    </a:lnTo>
                    <a:lnTo>
                      <a:pt x="1689" y="479"/>
                    </a:lnTo>
                    <a:lnTo>
                      <a:pt x="1695" y="491"/>
                    </a:lnTo>
                    <a:lnTo>
                      <a:pt x="1698" y="507"/>
                    </a:lnTo>
                    <a:lnTo>
                      <a:pt x="1700" y="520"/>
                    </a:lnTo>
                    <a:lnTo>
                      <a:pt x="1701" y="536"/>
                    </a:lnTo>
                    <a:lnTo>
                      <a:pt x="1701" y="546"/>
                    </a:lnTo>
                    <a:lnTo>
                      <a:pt x="1700" y="556"/>
                    </a:lnTo>
                    <a:lnTo>
                      <a:pt x="1698" y="566"/>
                    </a:lnTo>
                    <a:lnTo>
                      <a:pt x="1695" y="577"/>
                    </a:lnTo>
                    <a:lnTo>
                      <a:pt x="1693" y="587"/>
                    </a:lnTo>
                    <a:lnTo>
                      <a:pt x="1688" y="595"/>
                    </a:lnTo>
                    <a:lnTo>
                      <a:pt x="1684" y="606"/>
                    </a:lnTo>
                    <a:lnTo>
                      <a:pt x="1679" y="614"/>
                    </a:lnTo>
                    <a:lnTo>
                      <a:pt x="1672" y="623"/>
                    </a:lnTo>
                    <a:lnTo>
                      <a:pt x="1666" y="631"/>
                    </a:lnTo>
                    <a:lnTo>
                      <a:pt x="1659" y="638"/>
                    </a:lnTo>
                    <a:lnTo>
                      <a:pt x="1652" y="647"/>
                    </a:lnTo>
                    <a:lnTo>
                      <a:pt x="1643" y="653"/>
                    </a:lnTo>
                    <a:lnTo>
                      <a:pt x="1635" y="660"/>
                    </a:lnTo>
                    <a:lnTo>
                      <a:pt x="1626" y="665"/>
                    </a:lnTo>
                    <a:lnTo>
                      <a:pt x="1616" y="672"/>
                    </a:lnTo>
                    <a:lnTo>
                      <a:pt x="1618" y="669"/>
                    </a:lnTo>
                    <a:lnTo>
                      <a:pt x="1628" y="681"/>
                    </a:lnTo>
                    <a:lnTo>
                      <a:pt x="1637" y="693"/>
                    </a:lnTo>
                    <a:lnTo>
                      <a:pt x="1645" y="706"/>
                    </a:lnTo>
                    <a:lnTo>
                      <a:pt x="1652" y="718"/>
                    </a:lnTo>
                    <a:lnTo>
                      <a:pt x="1657" y="732"/>
                    </a:lnTo>
                    <a:lnTo>
                      <a:pt x="1660" y="747"/>
                    </a:lnTo>
                    <a:lnTo>
                      <a:pt x="1662" y="761"/>
                    </a:lnTo>
                    <a:lnTo>
                      <a:pt x="1664" y="776"/>
                    </a:lnTo>
                    <a:lnTo>
                      <a:pt x="1664" y="785"/>
                    </a:lnTo>
                    <a:lnTo>
                      <a:pt x="1662" y="791"/>
                    </a:lnTo>
                    <a:lnTo>
                      <a:pt x="1662" y="800"/>
                    </a:lnTo>
                    <a:lnTo>
                      <a:pt x="1660" y="807"/>
                    </a:lnTo>
                    <a:lnTo>
                      <a:pt x="1655" y="822"/>
                    </a:lnTo>
                    <a:lnTo>
                      <a:pt x="1650" y="838"/>
                    </a:lnTo>
                    <a:lnTo>
                      <a:pt x="1643" y="851"/>
                    </a:lnTo>
                    <a:lnTo>
                      <a:pt x="1635" y="863"/>
                    </a:lnTo>
                    <a:lnTo>
                      <a:pt x="1625" y="875"/>
                    </a:lnTo>
                    <a:lnTo>
                      <a:pt x="1613" y="887"/>
                    </a:lnTo>
                    <a:lnTo>
                      <a:pt x="1601" y="897"/>
                    </a:lnTo>
                    <a:lnTo>
                      <a:pt x="1587" y="906"/>
                    </a:lnTo>
                    <a:lnTo>
                      <a:pt x="1574" y="914"/>
                    </a:lnTo>
                    <a:lnTo>
                      <a:pt x="1558" y="919"/>
                    </a:lnTo>
                    <a:lnTo>
                      <a:pt x="1543" y="926"/>
                    </a:lnTo>
                    <a:lnTo>
                      <a:pt x="1526" y="930"/>
                    </a:lnTo>
                    <a:lnTo>
                      <a:pt x="1509" y="931"/>
                    </a:lnTo>
                    <a:lnTo>
                      <a:pt x="1492" y="933"/>
                    </a:lnTo>
                    <a:lnTo>
                      <a:pt x="1481" y="931"/>
                    </a:lnTo>
                    <a:lnTo>
                      <a:pt x="1471" y="931"/>
                    </a:lnTo>
                    <a:lnTo>
                      <a:pt x="1473" y="933"/>
                    </a:lnTo>
                    <a:lnTo>
                      <a:pt x="1463" y="948"/>
                    </a:lnTo>
                    <a:lnTo>
                      <a:pt x="1451" y="964"/>
                    </a:lnTo>
                    <a:lnTo>
                      <a:pt x="1437" y="977"/>
                    </a:lnTo>
                    <a:lnTo>
                      <a:pt x="1424" y="991"/>
                    </a:lnTo>
                    <a:lnTo>
                      <a:pt x="1410" y="1003"/>
                    </a:lnTo>
                    <a:lnTo>
                      <a:pt x="1395" y="1015"/>
                    </a:lnTo>
                    <a:lnTo>
                      <a:pt x="1378" y="1025"/>
                    </a:lnTo>
                    <a:lnTo>
                      <a:pt x="1362" y="1035"/>
                    </a:lnTo>
                    <a:lnTo>
                      <a:pt x="1343" y="1044"/>
                    </a:lnTo>
                    <a:lnTo>
                      <a:pt x="1326" y="1051"/>
                    </a:lnTo>
                    <a:lnTo>
                      <a:pt x="1308" y="1057"/>
                    </a:lnTo>
                    <a:lnTo>
                      <a:pt x="1289" y="1063"/>
                    </a:lnTo>
                    <a:lnTo>
                      <a:pt x="1268" y="1066"/>
                    </a:lnTo>
                    <a:lnTo>
                      <a:pt x="1250" y="1069"/>
                    </a:lnTo>
                    <a:lnTo>
                      <a:pt x="1229" y="1071"/>
                    </a:lnTo>
                    <a:lnTo>
                      <a:pt x="1209" y="1073"/>
                    </a:lnTo>
                    <a:lnTo>
                      <a:pt x="1188" y="1071"/>
                    </a:lnTo>
                    <a:lnTo>
                      <a:pt x="1168" y="1069"/>
                    </a:lnTo>
                    <a:lnTo>
                      <a:pt x="1147" y="1066"/>
                    </a:lnTo>
                    <a:lnTo>
                      <a:pt x="1129" y="1063"/>
                    </a:lnTo>
                    <a:lnTo>
                      <a:pt x="1108" y="1056"/>
                    </a:lnTo>
                    <a:lnTo>
                      <a:pt x="1089" y="1049"/>
                    </a:lnTo>
                    <a:lnTo>
                      <a:pt x="1071" y="1042"/>
                    </a:lnTo>
                    <a:lnTo>
                      <a:pt x="1052" y="1032"/>
                    </a:lnTo>
                    <a:lnTo>
                      <a:pt x="1054" y="1034"/>
                    </a:lnTo>
                    <a:lnTo>
                      <a:pt x="1043" y="1046"/>
                    </a:lnTo>
                    <a:lnTo>
                      <a:pt x="1033" y="1057"/>
                    </a:lnTo>
                    <a:lnTo>
                      <a:pt x="1021" y="1068"/>
                    </a:lnTo>
                    <a:lnTo>
                      <a:pt x="1009" y="1078"/>
                    </a:lnTo>
                    <a:lnTo>
                      <a:pt x="997" y="1088"/>
                    </a:lnTo>
                    <a:lnTo>
                      <a:pt x="985" y="1097"/>
                    </a:lnTo>
                    <a:lnTo>
                      <a:pt x="972" y="1105"/>
                    </a:lnTo>
                    <a:lnTo>
                      <a:pt x="956" y="1112"/>
                    </a:lnTo>
                    <a:lnTo>
                      <a:pt x="943" y="1119"/>
                    </a:lnTo>
                    <a:lnTo>
                      <a:pt x="927" y="1124"/>
                    </a:lnTo>
                    <a:lnTo>
                      <a:pt x="912" y="1129"/>
                    </a:lnTo>
                    <a:lnTo>
                      <a:pt x="897" y="1133"/>
                    </a:lnTo>
                    <a:lnTo>
                      <a:pt x="881" y="1136"/>
                    </a:lnTo>
                    <a:lnTo>
                      <a:pt x="864" y="1139"/>
                    </a:lnTo>
                    <a:lnTo>
                      <a:pt x="849" y="1139"/>
                    </a:lnTo>
                    <a:lnTo>
                      <a:pt x="832" y="1141"/>
                    </a:lnTo>
                    <a:lnTo>
                      <a:pt x="810" y="1139"/>
                    </a:lnTo>
                    <a:lnTo>
                      <a:pt x="789" y="1138"/>
                    </a:lnTo>
                    <a:lnTo>
                      <a:pt x="767" y="1134"/>
                    </a:lnTo>
                    <a:lnTo>
                      <a:pt x="747" y="1127"/>
                    </a:lnTo>
                    <a:lnTo>
                      <a:pt x="728" y="1121"/>
                    </a:lnTo>
                    <a:lnTo>
                      <a:pt x="709" y="1114"/>
                    </a:lnTo>
                    <a:lnTo>
                      <a:pt x="690" y="1104"/>
                    </a:lnTo>
                    <a:lnTo>
                      <a:pt x="673" y="1093"/>
                    </a:lnTo>
                    <a:lnTo>
                      <a:pt x="656" y="1081"/>
                    </a:lnTo>
                    <a:lnTo>
                      <a:pt x="643" y="1068"/>
                    </a:lnTo>
                    <a:lnTo>
                      <a:pt x="627" y="1054"/>
                    </a:lnTo>
                    <a:lnTo>
                      <a:pt x="615" y="1039"/>
                    </a:lnTo>
                    <a:lnTo>
                      <a:pt x="604" y="1022"/>
                    </a:lnTo>
                    <a:lnTo>
                      <a:pt x="593" y="1005"/>
                    </a:lnTo>
                    <a:lnTo>
                      <a:pt x="585" y="988"/>
                    </a:lnTo>
                    <a:lnTo>
                      <a:pt x="578" y="969"/>
                    </a:lnTo>
                    <a:lnTo>
                      <a:pt x="563" y="977"/>
                    </a:lnTo>
                    <a:lnTo>
                      <a:pt x="549" y="982"/>
                    </a:lnTo>
                    <a:lnTo>
                      <a:pt x="534" y="988"/>
                    </a:lnTo>
                    <a:lnTo>
                      <a:pt x="520" y="993"/>
                    </a:lnTo>
                    <a:lnTo>
                      <a:pt x="505" y="996"/>
                    </a:lnTo>
                    <a:lnTo>
                      <a:pt x="488" y="1000"/>
                    </a:lnTo>
                    <a:lnTo>
                      <a:pt x="472" y="1000"/>
                    </a:lnTo>
                    <a:lnTo>
                      <a:pt x="457" y="1001"/>
                    </a:lnTo>
                    <a:lnTo>
                      <a:pt x="445" y="1001"/>
                    </a:lnTo>
                    <a:lnTo>
                      <a:pt x="433" y="1000"/>
                    </a:lnTo>
                    <a:lnTo>
                      <a:pt x="423" y="998"/>
                    </a:lnTo>
                    <a:lnTo>
                      <a:pt x="411" y="996"/>
                    </a:lnTo>
                    <a:lnTo>
                      <a:pt x="401" y="994"/>
                    </a:lnTo>
                    <a:lnTo>
                      <a:pt x="389" y="991"/>
                    </a:lnTo>
                    <a:lnTo>
                      <a:pt x="379" y="988"/>
                    </a:lnTo>
                    <a:lnTo>
                      <a:pt x="368" y="984"/>
                    </a:lnTo>
                    <a:lnTo>
                      <a:pt x="358" y="981"/>
                    </a:lnTo>
                    <a:lnTo>
                      <a:pt x="348" y="976"/>
                    </a:lnTo>
                    <a:lnTo>
                      <a:pt x="329" y="965"/>
                    </a:lnTo>
                    <a:lnTo>
                      <a:pt x="312" y="953"/>
                    </a:lnTo>
                    <a:lnTo>
                      <a:pt x="297" y="940"/>
                    </a:lnTo>
                    <a:lnTo>
                      <a:pt x="281" y="926"/>
                    </a:lnTo>
                    <a:lnTo>
                      <a:pt x="268" y="911"/>
                    </a:lnTo>
                    <a:lnTo>
                      <a:pt x="263" y="902"/>
                    </a:lnTo>
                    <a:lnTo>
                      <a:pt x="257" y="894"/>
                    </a:lnTo>
                    <a:lnTo>
                      <a:pt x="252" y="884"/>
                    </a:lnTo>
                    <a:lnTo>
                      <a:pt x="247" y="875"/>
                    </a:lnTo>
                    <a:lnTo>
                      <a:pt x="242" y="867"/>
                    </a:lnTo>
                    <a:lnTo>
                      <a:pt x="239" y="856"/>
                    </a:lnTo>
                    <a:lnTo>
                      <a:pt x="237" y="846"/>
                    </a:lnTo>
                    <a:lnTo>
                      <a:pt x="234" y="836"/>
                    </a:lnTo>
                    <a:lnTo>
                      <a:pt x="232" y="826"/>
                    </a:lnTo>
                    <a:lnTo>
                      <a:pt x="230" y="815"/>
                    </a:lnTo>
                    <a:lnTo>
                      <a:pt x="229" y="805"/>
                    </a:lnTo>
                    <a:lnTo>
                      <a:pt x="229" y="795"/>
                    </a:lnTo>
                    <a:lnTo>
                      <a:pt x="217" y="793"/>
                    </a:lnTo>
                    <a:lnTo>
                      <a:pt x="205" y="790"/>
                    </a:lnTo>
                    <a:lnTo>
                      <a:pt x="193" y="788"/>
                    </a:lnTo>
                    <a:lnTo>
                      <a:pt x="181" y="785"/>
                    </a:lnTo>
                    <a:lnTo>
                      <a:pt x="171" y="780"/>
                    </a:lnTo>
                    <a:lnTo>
                      <a:pt x="159" y="776"/>
                    </a:lnTo>
                    <a:lnTo>
                      <a:pt x="148" y="771"/>
                    </a:lnTo>
                    <a:lnTo>
                      <a:pt x="138" y="766"/>
                    </a:lnTo>
                    <a:lnTo>
                      <a:pt x="118" y="756"/>
                    </a:lnTo>
                    <a:lnTo>
                      <a:pt x="99" y="742"/>
                    </a:lnTo>
                    <a:lnTo>
                      <a:pt x="82" y="728"/>
                    </a:lnTo>
                    <a:lnTo>
                      <a:pt x="65" y="713"/>
                    </a:lnTo>
                    <a:lnTo>
                      <a:pt x="51" y="696"/>
                    </a:lnTo>
                    <a:lnTo>
                      <a:pt x="44" y="687"/>
                    </a:lnTo>
                    <a:lnTo>
                      <a:pt x="38" y="679"/>
                    </a:lnTo>
                    <a:lnTo>
                      <a:pt x="32" y="669"/>
                    </a:lnTo>
                    <a:lnTo>
                      <a:pt x="27" y="660"/>
                    </a:lnTo>
                    <a:lnTo>
                      <a:pt x="22" y="650"/>
                    </a:lnTo>
                    <a:lnTo>
                      <a:pt x="17" y="640"/>
                    </a:lnTo>
                    <a:lnTo>
                      <a:pt x="14" y="630"/>
                    </a:lnTo>
                    <a:lnTo>
                      <a:pt x="10" y="619"/>
                    </a:lnTo>
                    <a:lnTo>
                      <a:pt x="7" y="609"/>
                    </a:lnTo>
                    <a:lnTo>
                      <a:pt x="5" y="597"/>
                    </a:lnTo>
                    <a:lnTo>
                      <a:pt x="2" y="587"/>
                    </a:lnTo>
                    <a:lnTo>
                      <a:pt x="2" y="577"/>
                    </a:lnTo>
                    <a:lnTo>
                      <a:pt x="0" y="565"/>
                    </a:lnTo>
                    <a:lnTo>
                      <a:pt x="0" y="553"/>
                    </a:lnTo>
                    <a:lnTo>
                      <a:pt x="0" y="544"/>
                    </a:lnTo>
                    <a:lnTo>
                      <a:pt x="2" y="534"/>
                    </a:lnTo>
                    <a:lnTo>
                      <a:pt x="2" y="524"/>
                    </a:lnTo>
                    <a:lnTo>
                      <a:pt x="3" y="514"/>
                    </a:lnTo>
                    <a:lnTo>
                      <a:pt x="5" y="503"/>
                    </a:lnTo>
                    <a:lnTo>
                      <a:pt x="9" y="495"/>
                    </a:lnTo>
                    <a:lnTo>
                      <a:pt x="10" y="485"/>
                    </a:lnTo>
                    <a:lnTo>
                      <a:pt x="14" y="476"/>
                    </a:lnTo>
                    <a:lnTo>
                      <a:pt x="22" y="457"/>
                    </a:lnTo>
                    <a:lnTo>
                      <a:pt x="31" y="439"/>
                    </a:lnTo>
                    <a:lnTo>
                      <a:pt x="43" y="421"/>
                    </a:lnTo>
                    <a:lnTo>
                      <a:pt x="55" y="404"/>
                    </a:lnTo>
                    <a:lnTo>
                      <a:pt x="56" y="404"/>
                    </a:lnTo>
                    <a:lnTo>
                      <a:pt x="51" y="396"/>
                    </a:lnTo>
                    <a:lnTo>
                      <a:pt x="48" y="387"/>
                    </a:lnTo>
                    <a:lnTo>
                      <a:pt x="46" y="377"/>
                    </a:lnTo>
                    <a:lnTo>
                      <a:pt x="43" y="369"/>
                    </a:lnTo>
                    <a:lnTo>
                      <a:pt x="41" y="358"/>
                    </a:lnTo>
                    <a:lnTo>
                      <a:pt x="39" y="348"/>
                    </a:lnTo>
                    <a:lnTo>
                      <a:pt x="39" y="340"/>
                    </a:lnTo>
                    <a:lnTo>
                      <a:pt x="39" y="329"/>
                    </a:lnTo>
                    <a:lnTo>
                      <a:pt x="39" y="314"/>
                    </a:lnTo>
                    <a:lnTo>
                      <a:pt x="41" y="297"/>
                    </a:lnTo>
                    <a:lnTo>
                      <a:pt x="46" y="282"/>
                    </a:lnTo>
                    <a:lnTo>
                      <a:pt x="50" y="268"/>
                    </a:lnTo>
                    <a:lnTo>
                      <a:pt x="56" y="253"/>
                    </a:lnTo>
                    <a:lnTo>
                      <a:pt x="63" y="239"/>
                    </a:lnTo>
                    <a:lnTo>
                      <a:pt x="72" y="225"/>
                    </a:lnTo>
                    <a:lnTo>
                      <a:pt x="82" y="213"/>
                    </a:lnTo>
                    <a:lnTo>
                      <a:pt x="92" y="202"/>
                    </a:lnTo>
                    <a:lnTo>
                      <a:pt x="104" y="190"/>
                    </a:lnTo>
                    <a:lnTo>
                      <a:pt x="118" y="179"/>
                    </a:lnTo>
                    <a:lnTo>
                      <a:pt x="131" y="171"/>
                    </a:lnTo>
                    <a:lnTo>
                      <a:pt x="145" y="162"/>
                    </a:lnTo>
                    <a:lnTo>
                      <a:pt x="160" y="156"/>
                    </a:lnTo>
                    <a:lnTo>
                      <a:pt x="177" y="149"/>
                    </a:lnTo>
                    <a:lnTo>
                      <a:pt x="194" y="144"/>
                    </a:lnTo>
                    <a:lnTo>
                      <a:pt x="193" y="144"/>
                    </a:lnTo>
                    <a:lnTo>
                      <a:pt x="196" y="128"/>
                    </a:lnTo>
                    <a:lnTo>
                      <a:pt x="201" y="115"/>
                    </a:lnTo>
                    <a:lnTo>
                      <a:pt x="208" y="99"/>
                    </a:lnTo>
                    <a:lnTo>
                      <a:pt x="217" y="87"/>
                    </a:lnTo>
                    <a:lnTo>
                      <a:pt x="225" y="74"/>
                    </a:lnTo>
                    <a:lnTo>
                      <a:pt x="235" y="62"/>
                    </a:lnTo>
                    <a:lnTo>
                      <a:pt x="247" y="51"/>
                    </a:lnTo>
                    <a:lnTo>
                      <a:pt x="259" y="41"/>
                    </a:lnTo>
                    <a:lnTo>
                      <a:pt x="271" y="33"/>
                    </a:lnTo>
                    <a:lnTo>
                      <a:pt x="285" y="24"/>
                    </a:lnTo>
                    <a:lnTo>
                      <a:pt x="300" y="17"/>
                    </a:lnTo>
                    <a:lnTo>
                      <a:pt x="315" y="11"/>
                    </a:lnTo>
                    <a:lnTo>
                      <a:pt x="331" y="7"/>
                    </a:lnTo>
                    <a:lnTo>
                      <a:pt x="348" y="4"/>
                    </a:lnTo>
                    <a:lnTo>
                      <a:pt x="363" y="2"/>
                    </a:lnTo>
                    <a:lnTo>
                      <a:pt x="382" y="0"/>
                    </a:lnTo>
                    <a:lnTo>
                      <a:pt x="392" y="0"/>
                    </a:lnTo>
                    <a:lnTo>
                      <a:pt x="402" y="2"/>
                    </a:lnTo>
                    <a:lnTo>
                      <a:pt x="413" y="4"/>
                    </a:lnTo>
                    <a:lnTo>
                      <a:pt x="423" y="5"/>
                    </a:lnTo>
                    <a:lnTo>
                      <a:pt x="433" y="7"/>
                    </a:lnTo>
                    <a:lnTo>
                      <a:pt x="443" y="11"/>
                    </a:lnTo>
                    <a:lnTo>
                      <a:pt x="452" y="12"/>
                    </a:lnTo>
                    <a:lnTo>
                      <a:pt x="462" y="17"/>
                    </a:lnTo>
                    <a:lnTo>
                      <a:pt x="471" y="21"/>
                    </a:lnTo>
                    <a:lnTo>
                      <a:pt x="479" y="26"/>
                    </a:lnTo>
                    <a:lnTo>
                      <a:pt x="489" y="31"/>
                    </a:lnTo>
                    <a:lnTo>
                      <a:pt x="496" y="36"/>
                    </a:lnTo>
                    <a:lnTo>
                      <a:pt x="513" y="48"/>
                    </a:lnTo>
                    <a:lnTo>
                      <a:pt x="527" y="62"/>
                    </a:lnTo>
                    <a:lnTo>
                      <a:pt x="540" y="48"/>
                    </a:lnTo>
                    <a:lnTo>
                      <a:pt x="554" y="36"/>
                    </a:lnTo>
                    <a:lnTo>
                      <a:pt x="563" y="31"/>
                    </a:lnTo>
                    <a:lnTo>
                      <a:pt x="569" y="26"/>
                    </a:lnTo>
                    <a:lnTo>
                      <a:pt x="578" y="21"/>
                    </a:lnTo>
                    <a:lnTo>
                      <a:pt x="587" y="17"/>
                    </a:lnTo>
                    <a:lnTo>
                      <a:pt x="597" y="14"/>
                    </a:lnTo>
                    <a:lnTo>
                      <a:pt x="605" y="11"/>
                    </a:lnTo>
                    <a:lnTo>
                      <a:pt x="614" y="7"/>
                    </a:lnTo>
                    <a:lnTo>
                      <a:pt x="624" y="5"/>
                    </a:lnTo>
                    <a:lnTo>
                      <a:pt x="634" y="4"/>
                    </a:lnTo>
                    <a:lnTo>
                      <a:pt x="643" y="2"/>
                    </a:lnTo>
                    <a:lnTo>
                      <a:pt x="653" y="0"/>
                    </a:lnTo>
                    <a:lnTo>
                      <a:pt x="663" y="0"/>
                    </a:lnTo>
                    <a:lnTo>
                      <a:pt x="675" y="0"/>
                    </a:lnTo>
                    <a:lnTo>
                      <a:pt x="687" y="2"/>
                    </a:lnTo>
                    <a:lnTo>
                      <a:pt x="699" y="4"/>
                    </a:lnTo>
                    <a:lnTo>
                      <a:pt x="711" y="7"/>
                    </a:lnTo>
                    <a:lnTo>
                      <a:pt x="723" y="11"/>
                    </a:lnTo>
                    <a:lnTo>
                      <a:pt x="733" y="14"/>
                    </a:lnTo>
                    <a:lnTo>
                      <a:pt x="743" y="19"/>
                    </a:lnTo>
                    <a:lnTo>
                      <a:pt x="754" y="24"/>
                    </a:lnTo>
                    <a:lnTo>
                      <a:pt x="764" y="29"/>
                    </a:lnTo>
                    <a:lnTo>
                      <a:pt x="772" y="36"/>
                    </a:lnTo>
                    <a:lnTo>
                      <a:pt x="783" y="43"/>
                    </a:lnTo>
                    <a:lnTo>
                      <a:pt x="789" y="51"/>
                    </a:lnTo>
                    <a:lnTo>
                      <a:pt x="798" y="60"/>
                    </a:lnTo>
                    <a:lnTo>
                      <a:pt x="805" y="69"/>
                    </a:lnTo>
                    <a:lnTo>
                      <a:pt x="812" y="77"/>
                    </a:lnTo>
                    <a:lnTo>
                      <a:pt x="817" y="87"/>
                    </a:lnTo>
                    <a:lnTo>
                      <a:pt x="817" y="91"/>
                    </a:lnTo>
                    <a:lnTo>
                      <a:pt x="832" y="77"/>
                    </a:lnTo>
                    <a:lnTo>
                      <a:pt x="849" y="67"/>
                    </a:lnTo>
                    <a:lnTo>
                      <a:pt x="866" y="57"/>
                    </a:lnTo>
                    <a:lnTo>
                      <a:pt x="885" y="50"/>
                    </a:lnTo>
                    <a:lnTo>
                      <a:pt x="893" y="46"/>
                    </a:lnTo>
                    <a:lnTo>
                      <a:pt x="904" y="43"/>
                    </a:lnTo>
                    <a:lnTo>
                      <a:pt x="914" y="41"/>
                    </a:lnTo>
                    <a:lnTo>
                      <a:pt x="924" y="38"/>
                    </a:lnTo>
                    <a:lnTo>
                      <a:pt x="933" y="36"/>
                    </a:lnTo>
                    <a:lnTo>
                      <a:pt x="943" y="36"/>
                    </a:lnTo>
                    <a:lnTo>
                      <a:pt x="953" y="34"/>
                    </a:lnTo>
                    <a:lnTo>
                      <a:pt x="963" y="34"/>
                    </a:lnTo>
                    <a:lnTo>
                      <a:pt x="979" y="36"/>
                    </a:lnTo>
                    <a:lnTo>
                      <a:pt x="992" y="36"/>
                    </a:lnTo>
                    <a:lnTo>
                      <a:pt x="1008" y="40"/>
                    </a:lnTo>
                    <a:lnTo>
                      <a:pt x="1021" y="41"/>
                    </a:lnTo>
                    <a:lnTo>
                      <a:pt x="1035" y="46"/>
                    </a:lnTo>
                    <a:lnTo>
                      <a:pt x="1047" y="50"/>
                    </a:lnTo>
                    <a:lnTo>
                      <a:pt x="1060" y="57"/>
                    </a:lnTo>
                    <a:lnTo>
                      <a:pt x="1072" y="62"/>
                    </a:lnTo>
                    <a:lnTo>
                      <a:pt x="1084" y="69"/>
                    </a:lnTo>
                    <a:lnTo>
                      <a:pt x="1095" y="77"/>
                    </a:lnTo>
                    <a:lnTo>
                      <a:pt x="1106" y="86"/>
                    </a:lnTo>
                    <a:lnTo>
                      <a:pt x="1117" y="94"/>
                    </a:lnTo>
                    <a:lnTo>
                      <a:pt x="1125" y="104"/>
                    </a:lnTo>
                    <a:lnTo>
                      <a:pt x="1134" y="115"/>
                    </a:lnTo>
                    <a:lnTo>
                      <a:pt x="1142" y="125"/>
                    </a:lnTo>
                    <a:lnTo>
                      <a:pt x="1149" y="137"/>
                    </a:lnTo>
                    <a:lnTo>
                      <a:pt x="1151" y="138"/>
                    </a:lnTo>
                    <a:lnTo>
                      <a:pt x="1166" y="130"/>
                    </a:lnTo>
                    <a:lnTo>
                      <a:pt x="1181" y="123"/>
                    </a:lnTo>
                    <a:lnTo>
                      <a:pt x="1199" y="118"/>
                    </a:lnTo>
                    <a:lnTo>
                      <a:pt x="1216" y="113"/>
                    </a:lnTo>
                    <a:lnTo>
                      <a:pt x="1233" y="109"/>
                    </a:lnTo>
                    <a:lnTo>
                      <a:pt x="1250" y="108"/>
                    </a:lnTo>
                    <a:lnTo>
                      <a:pt x="1267" y="106"/>
                    </a:lnTo>
                    <a:lnTo>
                      <a:pt x="1285" y="104"/>
                    </a:lnTo>
                    <a:lnTo>
                      <a:pt x="1299" y="104"/>
                    </a:lnTo>
                    <a:lnTo>
                      <a:pt x="1311" y="106"/>
                    </a:lnTo>
                    <a:lnTo>
                      <a:pt x="1325" y="108"/>
                    </a:lnTo>
                    <a:lnTo>
                      <a:pt x="1338" y="109"/>
                    </a:lnTo>
                    <a:lnTo>
                      <a:pt x="1350" y="113"/>
                    </a:lnTo>
                    <a:lnTo>
                      <a:pt x="1364" y="116"/>
                    </a:lnTo>
                    <a:lnTo>
                      <a:pt x="1376" y="120"/>
                    </a:lnTo>
                    <a:lnTo>
                      <a:pt x="1388" y="123"/>
                    </a:lnTo>
                    <a:lnTo>
                      <a:pt x="1400" y="128"/>
                    </a:lnTo>
                    <a:lnTo>
                      <a:pt x="1412" y="133"/>
                    </a:lnTo>
                    <a:lnTo>
                      <a:pt x="1422" y="140"/>
                    </a:lnTo>
                    <a:lnTo>
                      <a:pt x="1434" y="147"/>
                    </a:lnTo>
                    <a:lnTo>
                      <a:pt x="1444" y="154"/>
                    </a:lnTo>
                    <a:lnTo>
                      <a:pt x="1454" y="161"/>
                    </a:lnTo>
                    <a:lnTo>
                      <a:pt x="1463" y="167"/>
                    </a:lnTo>
                    <a:lnTo>
                      <a:pt x="1473" y="176"/>
                    </a:lnTo>
                    <a:lnTo>
                      <a:pt x="1481" y="184"/>
                    </a:lnTo>
                    <a:lnTo>
                      <a:pt x="1490" y="193"/>
                    </a:lnTo>
                    <a:lnTo>
                      <a:pt x="1497" y="202"/>
                    </a:lnTo>
                    <a:lnTo>
                      <a:pt x="1505" y="212"/>
                    </a:lnTo>
                    <a:lnTo>
                      <a:pt x="1512" y="222"/>
                    </a:lnTo>
                    <a:lnTo>
                      <a:pt x="1519" y="232"/>
                    </a:lnTo>
                    <a:lnTo>
                      <a:pt x="1524" y="242"/>
                    </a:lnTo>
                    <a:lnTo>
                      <a:pt x="1529" y="253"/>
                    </a:lnTo>
                    <a:lnTo>
                      <a:pt x="1534" y="265"/>
                    </a:lnTo>
                    <a:lnTo>
                      <a:pt x="1538" y="275"/>
                    </a:lnTo>
                    <a:lnTo>
                      <a:pt x="1541" y="287"/>
                    </a:lnTo>
                    <a:lnTo>
                      <a:pt x="1545" y="299"/>
                    </a:lnTo>
                    <a:lnTo>
                      <a:pt x="1548" y="311"/>
                    </a:lnTo>
                    <a:lnTo>
                      <a:pt x="1550" y="323"/>
                    </a:lnTo>
                    <a:lnTo>
                      <a:pt x="1550" y="335"/>
                    </a:lnTo>
                    <a:lnTo>
                      <a:pt x="1550" y="348"/>
                    </a:lnTo>
                    <a:lnTo>
                      <a:pt x="1550" y="364"/>
                    </a:lnTo>
                    <a:lnTo>
                      <a:pt x="1548" y="381"/>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9" name="Freeform 1149"/>
              <p:cNvSpPr>
                <a:spLocks/>
              </p:cNvSpPr>
              <p:nvPr/>
            </p:nvSpPr>
            <p:spPr bwMode="auto">
              <a:xfrm>
                <a:off x="4143988" y="1626722"/>
                <a:ext cx="95766" cy="20638"/>
              </a:xfrm>
              <a:custGeom>
                <a:avLst/>
                <a:gdLst/>
                <a:ahLst/>
                <a:cxnLst>
                  <a:cxn ang="0">
                    <a:pos x="99" y="0"/>
                  </a:cxn>
                  <a:cxn ang="0">
                    <a:pos x="89" y="4"/>
                  </a:cxn>
                  <a:cxn ang="0">
                    <a:pos x="79" y="9"/>
                  </a:cxn>
                  <a:cxn ang="0">
                    <a:pos x="68" y="12"/>
                  </a:cxn>
                  <a:cxn ang="0">
                    <a:pos x="58" y="15"/>
                  </a:cxn>
                  <a:cxn ang="0">
                    <a:pos x="46" y="17"/>
                  </a:cxn>
                  <a:cxn ang="0">
                    <a:pos x="36" y="19"/>
                  </a:cxn>
                  <a:cxn ang="0">
                    <a:pos x="24" y="21"/>
                  </a:cxn>
                  <a:cxn ang="0">
                    <a:pos x="12" y="21"/>
                  </a:cxn>
                  <a:cxn ang="0">
                    <a:pos x="7" y="21"/>
                  </a:cxn>
                  <a:cxn ang="0">
                    <a:pos x="0" y="21"/>
                  </a:cxn>
                </a:cxnLst>
                <a:rect l="0" t="0" r="r" b="b"/>
                <a:pathLst>
                  <a:path w="99" h="21">
                    <a:moveTo>
                      <a:pt x="99" y="0"/>
                    </a:moveTo>
                    <a:lnTo>
                      <a:pt x="89" y="4"/>
                    </a:lnTo>
                    <a:lnTo>
                      <a:pt x="79" y="9"/>
                    </a:lnTo>
                    <a:lnTo>
                      <a:pt x="68" y="12"/>
                    </a:lnTo>
                    <a:lnTo>
                      <a:pt x="58" y="15"/>
                    </a:lnTo>
                    <a:lnTo>
                      <a:pt x="46" y="17"/>
                    </a:lnTo>
                    <a:lnTo>
                      <a:pt x="36" y="19"/>
                    </a:lnTo>
                    <a:lnTo>
                      <a:pt x="24" y="21"/>
                    </a:lnTo>
                    <a:lnTo>
                      <a:pt x="12" y="21"/>
                    </a:lnTo>
                    <a:lnTo>
                      <a:pt x="7" y="21"/>
                    </a:lnTo>
                    <a:lnTo>
                      <a:pt x="0" y="21"/>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0" name="Freeform 1148"/>
              <p:cNvSpPr>
                <a:spLocks/>
              </p:cNvSpPr>
              <p:nvPr/>
            </p:nvSpPr>
            <p:spPr bwMode="auto">
              <a:xfrm>
                <a:off x="4059780" y="1866120"/>
                <a:ext cx="40453" cy="9906"/>
              </a:xfrm>
              <a:custGeom>
                <a:avLst/>
                <a:gdLst/>
                <a:ahLst/>
                <a:cxnLst>
                  <a:cxn ang="0">
                    <a:pos x="42" y="10"/>
                  </a:cxn>
                  <a:cxn ang="0">
                    <a:pos x="32" y="9"/>
                  </a:cxn>
                  <a:cxn ang="0">
                    <a:pos x="20" y="7"/>
                  </a:cxn>
                  <a:cxn ang="0">
                    <a:pos x="10" y="3"/>
                  </a:cxn>
                  <a:cxn ang="0">
                    <a:pos x="0" y="0"/>
                  </a:cxn>
                </a:cxnLst>
                <a:rect l="0" t="0" r="r" b="b"/>
                <a:pathLst>
                  <a:path w="42" h="10">
                    <a:moveTo>
                      <a:pt x="42" y="10"/>
                    </a:moveTo>
                    <a:lnTo>
                      <a:pt x="32" y="9"/>
                    </a:lnTo>
                    <a:lnTo>
                      <a:pt x="20" y="7"/>
                    </a:lnTo>
                    <a:lnTo>
                      <a:pt x="10" y="3"/>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1" name="Freeform 1147"/>
              <p:cNvSpPr>
                <a:spLocks/>
              </p:cNvSpPr>
              <p:nvPr/>
            </p:nvSpPr>
            <p:spPr bwMode="auto">
              <a:xfrm>
                <a:off x="3698181" y="1930509"/>
                <a:ext cx="24767" cy="44577"/>
              </a:xfrm>
              <a:custGeom>
                <a:avLst/>
                <a:gdLst/>
                <a:ahLst/>
                <a:cxnLst>
                  <a:cxn ang="0">
                    <a:pos x="25" y="0"/>
                  </a:cxn>
                  <a:cxn ang="0">
                    <a:pos x="20" y="12"/>
                  </a:cxn>
                  <a:cxn ang="0">
                    <a:pos x="13" y="22"/>
                  </a:cxn>
                  <a:cxn ang="0">
                    <a:pos x="6" y="34"/>
                  </a:cxn>
                  <a:cxn ang="0">
                    <a:pos x="0" y="46"/>
                  </a:cxn>
                </a:cxnLst>
                <a:rect l="0" t="0" r="r" b="b"/>
                <a:pathLst>
                  <a:path w="25" h="46">
                    <a:moveTo>
                      <a:pt x="25" y="0"/>
                    </a:moveTo>
                    <a:lnTo>
                      <a:pt x="20" y="12"/>
                    </a:lnTo>
                    <a:lnTo>
                      <a:pt x="13" y="22"/>
                    </a:lnTo>
                    <a:lnTo>
                      <a:pt x="6" y="34"/>
                    </a:lnTo>
                    <a:lnTo>
                      <a:pt x="0" y="46"/>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2" name="Freeform 1146"/>
              <p:cNvSpPr>
                <a:spLocks/>
              </p:cNvSpPr>
              <p:nvPr/>
            </p:nvSpPr>
            <p:spPr bwMode="auto">
              <a:xfrm>
                <a:off x="3228432" y="1863643"/>
                <a:ext cx="11558" cy="48705"/>
              </a:xfrm>
              <a:custGeom>
                <a:avLst/>
                <a:gdLst/>
                <a:ahLst/>
                <a:cxnLst>
                  <a:cxn ang="0">
                    <a:pos x="12" y="51"/>
                  </a:cxn>
                  <a:cxn ang="0">
                    <a:pos x="7" y="37"/>
                  </a:cxn>
                  <a:cxn ang="0">
                    <a:pos x="5" y="25"/>
                  </a:cxn>
                  <a:cxn ang="0">
                    <a:pos x="2" y="12"/>
                  </a:cxn>
                  <a:cxn ang="0">
                    <a:pos x="0" y="0"/>
                  </a:cxn>
                </a:cxnLst>
                <a:rect l="0" t="0" r="r" b="b"/>
                <a:pathLst>
                  <a:path w="12" h="51">
                    <a:moveTo>
                      <a:pt x="12" y="51"/>
                    </a:moveTo>
                    <a:lnTo>
                      <a:pt x="7" y="37"/>
                    </a:lnTo>
                    <a:lnTo>
                      <a:pt x="5" y="25"/>
                    </a:lnTo>
                    <a:lnTo>
                      <a:pt x="2" y="12"/>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3" name="Freeform 1145"/>
              <p:cNvSpPr>
                <a:spLocks/>
              </p:cNvSpPr>
              <p:nvPr/>
            </p:nvSpPr>
            <p:spPr bwMode="auto">
              <a:xfrm>
                <a:off x="2904808" y="1564809"/>
                <a:ext cx="122184" cy="180786"/>
              </a:xfrm>
              <a:custGeom>
                <a:avLst/>
                <a:gdLst/>
                <a:ahLst/>
                <a:cxnLst>
                  <a:cxn ang="0">
                    <a:pos x="0" y="188"/>
                  </a:cxn>
                  <a:cxn ang="0">
                    <a:pos x="0" y="186"/>
                  </a:cxn>
                  <a:cxn ang="0">
                    <a:pos x="0" y="171"/>
                  </a:cxn>
                  <a:cxn ang="0">
                    <a:pos x="1" y="157"/>
                  </a:cxn>
                  <a:cxn ang="0">
                    <a:pos x="5" y="142"/>
                  </a:cxn>
                  <a:cxn ang="0">
                    <a:pos x="8" y="128"/>
                  </a:cxn>
                  <a:cxn ang="0">
                    <a:pos x="13" y="115"/>
                  </a:cxn>
                  <a:cxn ang="0">
                    <a:pos x="20" y="101"/>
                  </a:cxn>
                  <a:cxn ang="0">
                    <a:pos x="27" y="89"/>
                  </a:cxn>
                  <a:cxn ang="0">
                    <a:pos x="34" y="75"/>
                  </a:cxn>
                  <a:cxn ang="0">
                    <a:pos x="44" y="63"/>
                  </a:cxn>
                  <a:cxn ang="0">
                    <a:pos x="52" y="53"/>
                  </a:cxn>
                  <a:cxn ang="0">
                    <a:pos x="63" y="43"/>
                  </a:cxn>
                  <a:cxn ang="0">
                    <a:pos x="75" y="33"/>
                  </a:cxn>
                  <a:cxn ang="0">
                    <a:pos x="86" y="23"/>
                  </a:cxn>
                  <a:cxn ang="0">
                    <a:pos x="100" y="14"/>
                  </a:cxn>
                  <a:cxn ang="0">
                    <a:pos x="114" y="7"/>
                  </a:cxn>
                  <a:cxn ang="0">
                    <a:pos x="127" y="0"/>
                  </a:cxn>
                </a:cxnLst>
                <a:rect l="0" t="0" r="r" b="b"/>
                <a:pathLst>
                  <a:path w="127" h="188">
                    <a:moveTo>
                      <a:pt x="0" y="188"/>
                    </a:moveTo>
                    <a:lnTo>
                      <a:pt x="0" y="186"/>
                    </a:lnTo>
                    <a:lnTo>
                      <a:pt x="0" y="171"/>
                    </a:lnTo>
                    <a:lnTo>
                      <a:pt x="1" y="157"/>
                    </a:lnTo>
                    <a:lnTo>
                      <a:pt x="5" y="142"/>
                    </a:lnTo>
                    <a:lnTo>
                      <a:pt x="8" y="128"/>
                    </a:lnTo>
                    <a:lnTo>
                      <a:pt x="13" y="115"/>
                    </a:lnTo>
                    <a:lnTo>
                      <a:pt x="20" y="101"/>
                    </a:lnTo>
                    <a:lnTo>
                      <a:pt x="27" y="89"/>
                    </a:lnTo>
                    <a:lnTo>
                      <a:pt x="34" y="75"/>
                    </a:lnTo>
                    <a:lnTo>
                      <a:pt x="44" y="63"/>
                    </a:lnTo>
                    <a:lnTo>
                      <a:pt x="52" y="53"/>
                    </a:lnTo>
                    <a:lnTo>
                      <a:pt x="63" y="43"/>
                    </a:lnTo>
                    <a:lnTo>
                      <a:pt x="75" y="33"/>
                    </a:lnTo>
                    <a:lnTo>
                      <a:pt x="86" y="23"/>
                    </a:lnTo>
                    <a:lnTo>
                      <a:pt x="100" y="14"/>
                    </a:lnTo>
                    <a:lnTo>
                      <a:pt x="114" y="7"/>
                    </a:lnTo>
                    <a:lnTo>
                      <a:pt x="127"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4" name="Freeform 1144"/>
              <p:cNvSpPr>
                <a:spLocks/>
              </p:cNvSpPr>
              <p:nvPr/>
            </p:nvSpPr>
            <p:spPr bwMode="auto">
              <a:xfrm>
                <a:off x="2738043" y="1369164"/>
                <a:ext cx="54488" cy="69343"/>
              </a:xfrm>
              <a:custGeom>
                <a:avLst/>
                <a:gdLst/>
                <a:ahLst/>
                <a:cxnLst>
                  <a:cxn ang="0">
                    <a:pos x="57" y="72"/>
                  </a:cxn>
                  <a:cxn ang="0">
                    <a:pos x="48" y="64"/>
                  </a:cxn>
                  <a:cxn ang="0">
                    <a:pos x="40" y="57"/>
                  </a:cxn>
                  <a:cxn ang="0">
                    <a:pos x="31" y="48"/>
                  </a:cxn>
                  <a:cxn ang="0">
                    <a:pos x="24" y="40"/>
                  </a:cxn>
                  <a:cxn ang="0">
                    <a:pos x="17" y="31"/>
                  </a:cxn>
                  <a:cxn ang="0">
                    <a:pos x="11" y="21"/>
                  </a:cxn>
                  <a:cxn ang="0">
                    <a:pos x="5" y="11"/>
                  </a:cxn>
                  <a:cxn ang="0">
                    <a:pos x="0" y="0"/>
                  </a:cxn>
                </a:cxnLst>
                <a:rect l="0" t="0" r="r" b="b"/>
                <a:pathLst>
                  <a:path w="57" h="72">
                    <a:moveTo>
                      <a:pt x="57" y="72"/>
                    </a:moveTo>
                    <a:lnTo>
                      <a:pt x="48" y="64"/>
                    </a:lnTo>
                    <a:lnTo>
                      <a:pt x="40" y="57"/>
                    </a:lnTo>
                    <a:lnTo>
                      <a:pt x="31" y="48"/>
                    </a:lnTo>
                    <a:lnTo>
                      <a:pt x="24" y="40"/>
                    </a:lnTo>
                    <a:lnTo>
                      <a:pt x="17" y="31"/>
                    </a:lnTo>
                    <a:lnTo>
                      <a:pt x="11" y="21"/>
                    </a:lnTo>
                    <a:lnTo>
                      <a:pt x="5" y="11"/>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5" name="Freeform 1143"/>
              <p:cNvSpPr>
                <a:spLocks/>
              </p:cNvSpPr>
              <p:nvPr/>
            </p:nvSpPr>
            <p:spPr bwMode="auto">
              <a:xfrm>
                <a:off x="2866007" y="1119035"/>
                <a:ext cx="4128" cy="33020"/>
              </a:xfrm>
              <a:custGeom>
                <a:avLst/>
                <a:gdLst/>
                <a:ahLst/>
                <a:cxnLst>
                  <a:cxn ang="0">
                    <a:pos x="0" y="34"/>
                  </a:cxn>
                  <a:cxn ang="0">
                    <a:pos x="0" y="30"/>
                  </a:cxn>
                  <a:cxn ang="0">
                    <a:pos x="2" y="15"/>
                  </a:cxn>
                  <a:cxn ang="0">
                    <a:pos x="2" y="8"/>
                  </a:cxn>
                  <a:cxn ang="0">
                    <a:pos x="4" y="0"/>
                  </a:cxn>
                </a:cxnLst>
                <a:rect l="0" t="0" r="r" b="b"/>
                <a:pathLst>
                  <a:path w="4" h="34">
                    <a:moveTo>
                      <a:pt x="0" y="34"/>
                    </a:moveTo>
                    <a:lnTo>
                      <a:pt x="0" y="30"/>
                    </a:lnTo>
                    <a:lnTo>
                      <a:pt x="2" y="15"/>
                    </a:lnTo>
                    <a:lnTo>
                      <a:pt x="2" y="8"/>
                    </a:lnTo>
                    <a:lnTo>
                      <a:pt x="4"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6" name="Freeform 1142"/>
              <p:cNvSpPr>
                <a:spLocks/>
              </p:cNvSpPr>
              <p:nvPr/>
            </p:nvSpPr>
            <p:spPr bwMode="auto">
              <a:xfrm>
                <a:off x="3191281" y="1040612"/>
                <a:ext cx="28069" cy="40450"/>
              </a:xfrm>
              <a:custGeom>
                <a:avLst/>
                <a:gdLst/>
                <a:ahLst/>
                <a:cxnLst>
                  <a:cxn ang="0">
                    <a:pos x="0" y="0"/>
                  </a:cxn>
                  <a:cxn ang="0">
                    <a:pos x="8" y="10"/>
                  </a:cxn>
                  <a:cxn ang="0">
                    <a:pos x="17" y="20"/>
                  </a:cxn>
                  <a:cxn ang="0">
                    <a:pos x="24" y="32"/>
                  </a:cxn>
                  <a:cxn ang="0">
                    <a:pos x="29" y="42"/>
                  </a:cxn>
                </a:cxnLst>
                <a:rect l="0" t="0" r="r" b="b"/>
                <a:pathLst>
                  <a:path w="29" h="42">
                    <a:moveTo>
                      <a:pt x="0" y="0"/>
                    </a:moveTo>
                    <a:lnTo>
                      <a:pt x="8" y="10"/>
                    </a:lnTo>
                    <a:lnTo>
                      <a:pt x="17" y="20"/>
                    </a:lnTo>
                    <a:lnTo>
                      <a:pt x="24" y="32"/>
                    </a:lnTo>
                    <a:lnTo>
                      <a:pt x="29" y="42"/>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7" name="Freeform 1141"/>
              <p:cNvSpPr>
                <a:spLocks/>
              </p:cNvSpPr>
              <p:nvPr/>
            </p:nvSpPr>
            <p:spPr bwMode="auto">
              <a:xfrm>
                <a:off x="3470323" y="1064552"/>
                <a:ext cx="14860" cy="36322"/>
              </a:xfrm>
              <a:custGeom>
                <a:avLst/>
                <a:gdLst/>
                <a:ahLst/>
                <a:cxnLst>
                  <a:cxn ang="0">
                    <a:pos x="0" y="0"/>
                  </a:cxn>
                  <a:cxn ang="0">
                    <a:pos x="5" y="9"/>
                  </a:cxn>
                  <a:cxn ang="0">
                    <a:pos x="8" y="19"/>
                  </a:cxn>
                  <a:cxn ang="0">
                    <a:pos x="12" y="28"/>
                  </a:cxn>
                  <a:cxn ang="0">
                    <a:pos x="15" y="38"/>
                  </a:cxn>
                </a:cxnLst>
                <a:rect l="0" t="0" r="r" b="b"/>
                <a:pathLst>
                  <a:path w="15" h="38">
                    <a:moveTo>
                      <a:pt x="0" y="0"/>
                    </a:moveTo>
                    <a:lnTo>
                      <a:pt x="5" y="9"/>
                    </a:lnTo>
                    <a:lnTo>
                      <a:pt x="8" y="19"/>
                    </a:lnTo>
                    <a:lnTo>
                      <a:pt x="12" y="28"/>
                    </a:lnTo>
                    <a:lnTo>
                      <a:pt x="15" y="38"/>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8" name="Freeform 1140"/>
              <p:cNvSpPr>
                <a:spLocks/>
              </p:cNvSpPr>
              <p:nvPr/>
            </p:nvSpPr>
            <p:spPr bwMode="auto">
              <a:xfrm>
                <a:off x="3742761" y="1113257"/>
                <a:ext cx="49534" cy="34671"/>
              </a:xfrm>
              <a:custGeom>
                <a:avLst/>
                <a:gdLst/>
                <a:ahLst/>
                <a:cxnLst>
                  <a:cxn ang="0">
                    <a:pos x="0" y="36"/>
                  </a:cxn>
                  <a:cxn ang="0">
                    <a:pos x="12" y="26"/>
                  </a:cxn>
                  <a:cxn ang="0">
                    <a:pos x="24" y="16"/>
                  </a:cxn>
                  <a:cxn ang="0">
                    <a:pos x="37" y="7"/>
                  </a:cxn>
                  <a:cxn ang="0">
                    <a:pos x="51" y="0"/>
                  </a:cxn>
                </a:cxnLst>
                <a:rect l="0" t="0" r="r" b="b"/>
                <a:pathLst>
                  <a:path w="51" h="36">
                    <a:moveTo>
                      <a:pt x="0" y="36"/>
                    </a:moveTo>
                    <a:lnTo>
                      <a:pt x="12" y="26"/>
                    </a:lnTo>
                    <a:lnTo>
                      <a:pt x="24" y="16"/>
                    </a:lnTo>
                    <a:lnTo>
                      <a:pt x="37" y="7"/>
                    </a:lnTo>
                    <a:lnTo>
                      <a:pt x="51"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9" name="Freeform 1139"/>
              <p:cNvSpPr>
                <a:spLocks/>
              </p:cNvSpPr>
              <p:nvPr/>
            </p:nvSpPr>
            <p:spPr bwMode="auto">
              <a:xfrm>
                <a:off x="4165453" y="1346875"/>
                <a:ext cx="8256" cy="36322"/>
              </a:xfrm>
              <a:custGeom>
                <a:avLst/>
                <a:gdLst/>
                <a:ahLst/>
                <a:cxnLst>
                  <a:cxn ang="0">
                    <a:pos x="9" y="0"/>
                  </a:cxn>
                  <a:cxn ang="0">
                    <a:pos x="7" y="8"/>
                  </a:cxn>
                  <a:cxn ang="0">
                    <a:pos x="6" y="18"/>
                  </a:cxn>
                  <a:cxn ang="0">
                    <a:pos x="2" y="27"/>
                  </a:cxn>
                  <a:cxn ang="0">
                    <a:pos x="0" y="37"/>
                  </a:cxn>
                </a:cxnLst>
                <a:rect l="0" t="0" r="r" b="b"/>
                <a:pathLst>
                  <a:path w="9" h="37">
                    <a:moveTo>
                      <a:pt x="9" y="0"/>
                    </a:moveTo>
                    <a:lnTo>
                      <a:pt x="7" y="8"/>
                    </a:lnTo>
                    <a:lnTo>
                      <a:pt x="6" y="18"/>
                    </a:lnTo>
                    <a:lnTo>
                      <a:pt x="2" y="27"/>
                    </a:lnTo>
                    <a:lnTo>
                      <a:pt x="0" y="37"/>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0" name="Freeform 1138"/>
              <p:cNvSpPr>
                <a:spLocks noEditPoints="1"/>
              </p:cNvSpPr>
              <p:nvPr/>
            </p:nvSpPr>
            <p:spPr bwMode="auto">
              <a:xfrm>
                <a:off x="4221592" y="1980040"/>
                <a:ext cx="555608" cy="706634"/>
              </a:xfrm>
              <a:custGeom>
                <a:avLst/>
                <a:gdLst/>
                <a:ahLst/>
                <a:cxnLst>
                  <a:cxn ang="0">
                    <a:pos x="26" y="0"/>
                  </a:cxn>
                  <a:cxn ang="0">
                    <a:pos x="543" y="661"/>
                  </a:cxn>
                  <a:cxn ang="0">
                    <a:pos x="517" y="682"/>
                  </a:cxn>
                  <a:cxn ang="0">
                    <a:pos x="0" y="20"/>
                  </a:cxn>
                  <a:cxn ang="0">
                    <a:pos x="26" y="0"/>
                  </a:cxn>
                  <a:cxn ang="0">
                    <a:pos x="558" y="629"/>
                  </a:cxn>
                  <a:cxn ang="0">
                    <a:pos x="578" y="735"/>
                  </a:cxn>
                  <a:cxn ang="0">
                    <a:pos x="481" y="689"/>
                  </a:cxn>
                  <a:cxn ang="0">
                    <a:pos x="558" y="629"/>
                  </a:cxn>
                </a:cxnLst>
                <a:rect l="0" t="0" r="r" b="b"/>
                <a:pathLst>
                  <a:path w="578" h="735">
                    <a:moveTo>
                      <a:pt x="26" y="0"/>
                    </a:moveTo>
                    <a:lnTo>
                      <a:pt x="543" y="661"/>
                    </a:lnTo>
                    <a:lnTo>
                      <a:pt x="517" y="682"/>
                    </a:lnTo>
                    <a:lnTo>
                      <a:pt x="0" y="20"/>
                    </a:lnTo>
                    <a:lnTo>
                      <a:pt x="26" y="0"/>
                    </a:lnTo>
                    <a:close/>
                    <a:moveTo>
                      <a:pt x="558" y="629"/>
                    </a:moveTo>
                    <a:lnTo>
                      <a:pt x="578" y="735"/>
                    </a:lnTo>
                    <a:lnTo>
                      <a:pt x="481" y="689"/>
                    </a:lnTo>
                    <a:lnTo>
                      <a:pt x="558" y="629"/>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1" name="Freeform 1137"/>
              <p:cNvSpPr>
                <a:spLocks noEditPoints="1"/>
              </p:cNvSpPr>
              <p:nvPr/>
            </p:nvSpPr>
            <p:spPr bwMode="auto">
              <a:xfrm>
                <a:off x="5336110" y="1982516"/>
                <a:ext cx="1463735" cy="653802"/>
              </a:xfrm>
              <a:custGeom>
                <a:avLst/>
                <a:gdLst/>
                <a:ahLst/>
                <a:cxnLst>
                  <a:cxn ang="0">
                    <a:pos x="1517" y="14"/>
                  </a:cxn>
                  <a:cxn ang="0">
                    <a:pos x="66" y="655"/>
                  </a:cxn>
                  <a:cxn ang="0">
                    <a:pos x="65" y="655"/>
                  </a:cxn>
                  <a:cxn ang="0">
                    <a:pos x="61" y="655"/>
                  </a:cxn>
                  <a:cxn ang="0">
                    <a:pos x="60" y="653"/>
                  </a:cxn>
                  <a:cxn ang="0">
                    <a:pos x="58" y="650"/>
                  </a:cxn>
                  <a:cxn ang="0">
                    <a:pos x="56" y="648"/>
                  </a:cxn>
                  <a:cxn ang="0">
                    <a:pos x="58" y="645"/>
                  </a:cxn>
                  <a:cxn ang="0">
                    <a:pos x="60" y="643"/>
                  </a:cxn>
                  <a:cxn ang="0">
                    <a:pos x="61" y="641"/>
                  </a:cxn>
                  <a:cxn ang="0">
                    <a:pos x="1512" y="0"/>
                  </a:cxn>
                  <a:cxn ang="0">
                    <a:pos x="1514" y="0"/>
                  </a:cxn>
                  <a:cxn ang="0">
                    <a:pos x="1517" y="0"/>
                  </a:cxn>
                  <a:cxn ang="0">
                    <a:pos x="1519" y="2"/>
                  </a:cxn>
                  <a:cxn ang="0">
                    <a:pos x="1521" y="4"/>
                  </a:cxn>
                  <a:cxn ang="0">
                    <a:pos x="1521" y="7"/>
                  </a:cxn>
                  <a:cxn ang="0">
                    <a:pos x="1521" y="9"/>
                  </a:cxn>
                  <a:cxn ang="0">
                    <a:pos x="1519" y="12"/>
                  </a:cxn>
                  <a:cxn ang="0">
                    <a:pos x="1517" y="14"/>
                  </a:cxn>
                  <a:cxn ang="0">
                    <a:pos x="1517" y="14"/>
                  </a:cxn>
                  <a:cxn ang="0">
                    <a:pos x="94" y="680"/>
                  </a:cxn>
                  <a:cxn ang="0">
                    <a:pos x="0" y="677"/>
                  </a:cxn>
                  <a:cxn ang="0">
                    <a:pos x="60" y="604"/>
                  </a:cxn>
                  <a:cxn ang="0">
                    <a:pos x="94" y="680"/>
                  </a:cxn>
                </a:cxnLst>
                <a:rect l="0" t="0" r="r" b="b"/>
                <a:pathLst>
                  <a:path w="1521" h="680">
                    <a:moveTo>
                      <a:pt x="1517" y="14"/>
                    </a:moveTo>
                    <a:lnTo>
                      <a:pt x="66" y="655"/>
                    </a:lnTo>
                    <a:lnTo>
                      <a:pt x="65" y="655"/>
                    </a:lnTo>
                    <a:lnTo>
                      <a:pt x="61" y="655"/>
                    </a:lnTo>
                    <a:lnTo>
                      <a:pt x="60" y="653"/>
                    </a:lnTo>
                    <a:lnTo>
                      <a:pt x="58" y="650"/>
                    </a:lnTo>
                    <a:lnTo>
                      <a:pt x="56" y="648"/>
                    </a:lnTo>
                    <a:lnTo>
                      <a:pt x="58" y="645"/>
                    </a:lnTo>
                    <a:lnTo>
                      <a:pt x="60" y="643"/>
                    </a:lnTo>
                    <a:lnTo>
                      <a:pt x="61" y="641"/>
                    </a:lnTo>
                    <a:lnTo>
                      <a:pt x="1512" y="0"/>
                    </a:lnTo>
                    <a:lnTo>
                      <a:pt x="1514" y="0"/>
                    </a:lnTo>
                    <a:lnTo>
                      <a:pt x="1517" y="0"/>
                    </a:lnTo>
                    <a:lnTo>
                      <a:pt x="1519" y="2"/>
                    </a:lnTo>
                    <a:lnTo>
                      <a:pt x="1521" y="4"/>
                    </a:lnTo>
                    <a:lnTo>
                      <a:pt x="1521" y="7"/>
                    </a:lnTo>
                    <a:lnTo>
                      <a:pt x="1521" y="9"/>
                    </a:lnTo>
                    <a:lnTo>
                      <a:pt x="1519" y="12"/>
                    </a:lnTo>
                    <a:lnTo>
                      <a:pt x="1517" y="14"/>
                    </a:lnTo>
                    <a:close/>
                    <a:moveTo>
                      <a:pt x="94" y="680"/>
                    </a:moveTo>
                    <a:lnTo>
                      <a:pt x="0" y="677"/>
                    </a:lnTo>
                    <a:lnTo>
                      <a:pt x="60" y="604"/>
                    </a:lnTo>
                    <a:lnTo>
                      <a:pt x="94" y="68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pic>
            <p:nvPicPr>
              <p:cNvPr id="162" name="Picture 1136"/>
              <p:cNvPicPr>
                <a:picLocks noChangeAspect="1" noChangeArrowheads="1"/>
              </p:cNvPicPr>
              <p:nvPr/>
            </p:nvPicPr>
            <p:blipFill>
              <a:blip r:embed="rId9" cstate="print"/>
              <a:srcRect/>
              <a:stretch>
                <a:fillRect/>
              </a:stretch>
            </p:blipFill>
            <p:spPr bwMode="auto">
              <a:xfrm>
                <a:off x="539552" y="5393512"/>
                <a:ext cx="538271" cy="779279"/>
              </a:xfrm>
              <a:prstGeom prst="rect">
                <a:avLst/>
              </a:prstGeom>
              <a:noFill/>
            </p:spPr>
          </p:pic>
          <p:pic>
            <p:nvPicPr>
              <p:cNvPr id="163" name="Picture 1026"/>
              <p:cNvPicPr>
                <a:picLocks noChangeAspect="1" noChangeArrowheads="1"/>
              </p:cNvPicPr>
              <p:nvPr/>
            </p:nvPicPr>
            <p:blipFill>
              <a:blip r:embed="rId10" cstate="print"/>
              <a:srcRect/>
              <a:stretch>
                <a:fillRect/>
              </a:stretch>
            </p:blipFill>
            <p:spPr bwMode="auto">
              <a:xfrm>
                <a:off x="5624234" y="1034008"/>
                <a:ext cx="568817" cy="404499"/>
              </a:xfrm>
              <a:prstGeom prst="rect">
                <a:avLst/>
              </a:prstGeom>
              <a:noFill/>
            </p:spPr>
          </p:pic>
          <p:pic>
            <p:nvPicPr>
              <p:cNvPr id="164" name="Picture 1025"/>
              <p:cNvPicPr>
                <a:picLocks noChangeAspect="1" noChangeArrowheads="1"/>
              </p:cNvPicPr>
              <p:nvPr/>
            </p:nvPicPr>
            <p:blipFill>
              <a:blip r:embed="rId11" cstate="print"/>
              <a:srcRect/>
              <a:stretch>
                <a:fillRect/>
              </a:stretch>
            </p:blipFill>
            <p:spPr bwMode="auto">
              <a:xfrm>
                <a:off x="5308041" y="1459970"/>
                <a:ext cx="478830" cy="378908"/>
              </a:xfrm>
              <a:prstGeom prst="rect">
                <a:avLst/>
              </a:prstGeom>
              <a:noFill/>
            </p:spPr>
          </p:pic>
          <p:sp>
            <p:nvSpPr>
              <p:cNvPr id="165" name="Freeform 1024"/>
              <p:cNvSpPr>
                <a:spLocks noEditPoints="1"/>
              </p:cNvSpPr>
              <p:nvPr/>
            </p:nvSpPr>
            <p:spPr bwMode="auto">
              <a:xfrm rot="8360818" flipV="1">
                <a:off x="761086" y="5162192"/>
                <a:ext cx="1439793" cy="108142"/>
              </a:xfrm>
              <a:custGeom>
                <a:avLst/>
                <a:gdLst/>
                <a:ahLst/>
                <a:cxnLst>
                  <a:cxn ang="0">
                    <a:pos x="7" y="35"/>
                  </a:cxn>
                  <a:cxn ang="0">
                    <a:pos x="1064" y="35"/>
                  </a:cxn>
                  <a:cxn ang="0">
                    <a:pos x="1066" y="35"/>
                  </a:cxn>
                  <a:cxn ang="0">
                    <a:pos x="1069" y="37"/>
                  </a:cxn>
                  <a:cxn ang="0">
                    <a:pos x="1071" y="39"/>
                  </a:cxn>
                  <a:cxn ang="0">
                    <a:pos x="1071" y="42"/>
                  </a:cxn>
                  <a:cxn ang="0">
                    <a:pos x="1071" y="46"/>
                  </a:cxn>
                  <a:cxn ang="0">
                    <a:pos x="1069" y="47"/>
                  </a:cxn>
                  <a:cxn ang="0">
                    <a:pos x="1066" y="49"/>
                  </a:cxn>
                  <a:cxn ang="0">
                    <a:pos x="1064" y="49"/>
                  </a:cxn>
                  <a:cxn ang="0">
                    <a:pos x="7" y="49"/>
                  </a:cxn>
                  <a:cxn ang="0">
                    <a:pos x="4" y="49"/>
                  </a:cxn>
                  <a:cxn ang="0">
                    <a:pos x="2" y="47"/>
                  </a:cxn>
                  <a:cxn ang="0">
                    <a:pos x="0" y="46"/>
                  </a:cxn>
                  <a:cxn ang="0">
                    <a:pos x="0" y="42"/>
                  </a:cxn>
                  <a:cxn ang="0">
                    <a:pos x="0" y="39"/>
                  </a:cxn>
                  <a:cxn ang="0">
                    <a:pos x="2" y="37"/>
                  </a:cxn>
                  <a:cxn ang="0">
                    <a:pos x="4" y="35"/>
                  </a:cxn>
                  <a:cxn ang="0">
                    <a:pos x="7" y="35"/>
                  </a:cxn>
                  <a:cxn ang="0">
                    <a:pos x="7" y="35"/>
                  </a:cxn>
                  <a:cxn ang="0">
                    <a:pos x="1049" y="0"/>
                  </a:cxn>
                  <a:cxn ang="0">
                    <a:pos x="1134" y="42"/>
                  </a:cxn>
                  <a:cxn ang="0">
                    <a:pos x="1049" y="85"/>
                  </a:cxn>
                  <a:cxn ang="0">
                    <a:pos x="1049" y="0"/>
                  </a:cxn>
                </a:cxnLst>
                <a:rect l="0" t="0" r="r" b="b"/>
                <a:pathLst>
                  <a:path w="1134" h="85">
                    <a:moveTo>
                      <a:pt x="7" y="35"/>
                    </a:moveTo>
                    <a:lnTo>
                      <a:pt x="1064" y="35"/>
                    </a:lnTo>
                    <a:lnTo>
                      <a:pt x="1066" y="35"/>
                    </a:lnTo>
                    <a:lnTo>
                      <a:pt x="1069" y="37"/>
                    </a:lnTo>
                    <a:lnTo>
                      <a:pt x="1071" y="39"/>
                    </a:lnTo>
                    <a:lnTo>
                      <a:pt x="1071" y="42"/>
                    </a:lnTo>
                    <a:lnTo>
                      <a:pt x="1071" y="46"/>
                    </a:lnTo>
                    <a:lnTo>
                      <a:pt x="1069" y="47"/>
                    </a:lnTo>
                    <a:lnTo>
                      <a:pt x="1066" y="49"/>
                    </a:lnTo>
                    <a:lnTo>
                      <a:pt x="1064" y="49"/>
                    </a:lnTo>
                    <a:lnTo>
                      <a:pt x="7" y="49"/>
                    </a:lnTo>
                    <a:lnTo>
                      <a:pt x="4" y="49"/>
                    </a:lnTo>
                    <a:lnTo>
                      <a:pt x="2" y="47"/>
                    </a:lnTo>
                    <a:lnTo>
                      <a:pt x="0" y="46"/>
                    </a:lnTo>
                    <a:lnTo>
                      <a:pt x="0" y="42"/>
                    </a:lnTo>
                    <a:lnTo>
                      <a:pt x="0" y="39"/>
                    </a:lnTo>
                    <a:lnTo>
                      <a:pt x="2" y="37"/>
                    </a:lnTo>
                    <a:lnTo>
                      <a:pt x="4" y="35"/>
                    </a:lnTo>
                    <a:lnTo>
                      <a:pt x="7" y="35"/>
                    </a:lnTo>
                    <a:close/>
                    <a:moveTo>
                      <a:pt x="1049" y="0"/>
                    </a:moveTo>
                    <a:lnTo>
                      <a:pt x="1134" y="42"/>
                    </a:lnTo>
                    <a:lnTo>
                      <a:pt x="1049" y="85"/>
                    </a:lnTo>
                    <a:lnTo>
                      <a:pt x="104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6" name="Freeform 1019"/>
              <p:cNvSpPr>
                <a:spLocks noEditPoints="1"/>
              </p:cNvSpPr>
              <p:nvPr/>
            </p:nvSpPr>
            <p:spPr bwMode="auto">
              <a:xfrm rot="10800000">
                <a:off x="1962834" y="2922975"/>
                <a:ext cx="553956" cy="118873"/>
              </a:xfrm>
              <a:custGeom>
                <a:avLst/>
                <a:gdLst/>
                <a:ahLst/>
                <a:cxnLst>
                  <a:cxn ang="0">
                    <a:pos x="1048" y="51"/>
                  </a:cxn>
                  <a:cxn ang="0">
                    <a:pos x="72" y="51"/>
                  </a:cxn>
                  <a:cxn ang="0">
                    <a:pos x="68" y="49"/>
                  </a:cxn>
                  <a:cxn ang="0">
                    <a:pos x="66" y="47"/>
                  </a:cxn>
                  <a:cxn ang="0">
                    <a:pos x="65" y="46"/>
                  </a:cxn>
                  <a:cxn ang="0">
                    <a:pos x="65" y="42"/>
                  </a:cxn>
                  <a:cxn ang="0">
                    <a:pos x="65" y="40"/>
                  </a:cxn>
                  <a:cxn ang="0">
                    <a:pos x="66" y="37"/>
                  </a:cxn>
                  <a:cxn ang="0">
                    <a:pos x="68" y="35"/>
                  </a:cxn>
                  <a:cxn ang="0">
                    <a:pos x="72" y="35"/>
                  </a:cxn>
                  <a:cxn ang="0">
                    <a:pos x="1048" y="35"/>
                  </a:cxn>
                  <a:cxn ang="0">
                    <a:pos x="1050" y="35"/>
                  </a:cxn>
                  <a:cxn ang="0">
                    <a:pos x="1053" y="37"/>
                  </a:cxn>
                  <a:cxn ang="0">
                    <a:pos x="1053" y="40"/>
                  </a:cxn>
                  <a:cxn ang="0">
                    <a:pos x="1055" y="42"/>
                  </a:cxn>
                  <a:cxn ang="0">
                    <a:pos x="1053" y="46"/>
                  </a:cxn>
                  <a:cxn ang="0">
                    <a:pos x="1053" y="47"/>
                  </a:cxn>
                  <a:cxn ang="0">
                    <a:pos x="1050" y="49"/>
                  </a:cxn>
                  <a:cxn ang="0">
                    <a:pos x="1048" y="51"/>
                  </a:cxn>
                  <a:cxn ang="0">
                    <a:pos x="1048" y="51"/>
                  </a:cxn>
                  <a:cxn ang="0">
                    <a:pos x="85" y="85"/>
                  </a:cxn>
                  <a:cxn ang="0">
                    <a:pos x="0" y="42"/>
                  </a:cxn>
                  <a:cxn ang="0">
                    <a:pos x="85" y="0"/>
                  </a:cxn>
                  <a:cxn ang="0">
                    <a:pos x="85" y="85"/>
                  </a:cxn>
                </a:cxnLst>
                <a:rect l="0" t="0" r="r" b="b"/>
                <a:pathLst>
                  <a:path w="1055" h="85">
                    <a:moveTo>
                      <a:pt x="1048" y="51"/>
                    </a:moveTo>
                    <a:lnTo>
                      <a:pt x="72" y="51"/>
                    </a:lnTo>
                    <a:lnTo>
                      <a:pt x="68" y="49"/>
                    </a:lnTo>
                    <a:lnTo>
                      <a:pt x="66" y="47"/>
                    </a:lnTo>
                    <a:lnTo>
                      <a:pt x="65" y="46"/>
                    </a:lnTo>
                    <a:lnTo>
                      <a:pt x="65" y="42"/>
                    </a:lnTo>
                    <a:lnTo>
                      <a:pt x="65" y="40"/>
                    </a:lnTo>
                    <a:lnTo>
                      <a:pt x="66" y="37"/>
                    </a:lnTo>
                    <a:lnTo>
                      <a:pt x="68" y="35"/>
                    </a:lnTo>
                    <a:lnTo>
                      <a:pt x="72" y="35"/>
                    </a:lnTo>
                    <a:lnTo>
                      <a:pt x="1048" y="35"/>
                    </a:lnTo>
                    <a:lnTo>
                      <a:pt x="1050" y="35"/>
                    </a:lnTo>
                    <a:lnTo>
                      <a:pt x="1053" y="37"/>
                    </a:lnTo>
                    <a:lnTo>
                      <a:pt x="1053" y="40"/>
                    </a:lnTo>
                    <a:lnTo>
                      <a:pt x="1055" y="42"/>
                    </a:lnTo>
                    <a:lnTo>
                      <a:pt x="1053" y="46"/>
                    </a:lnTo>
                    <a:lnTo>
                      <a:pt x="1053" y="47"/>
                    </a:lnTo>
                    <a:lnTo>
                      <a:pt x="1050" y="49"/>
                    </a:lnTo>
                    <a:lnTo>
                      <a:pt x="1048" y="51"/>
                    </a:lnTo>
                    <a:close/>
                    <a:moveTo>
                      <a:pt x="85" y="85"/>
                    </a:moveTo>
                    <a:lnTo>
                      <a:pt x="0" y="42"/>
                    </a:lnTo>
                    <a:lnTo>
                      <a:pt x="85" y="0"/>
                    </a:lnTo>
                    <a:lnTo>
                      <a:pt x="85"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7" name="Freeform 1018"/>
              <p:cNvSpPr>
                <a:spLocks noEditPoints="1"/>
              </p:cNvSpPr>
              <p:nvPr/>
            </p:nvSpPr>
            <p:spPr bwMode="auto">
              <a:xfrm rot="10800000">
                <a:off x="1951276" y="3135956"/>
                <a:ext cx="546527" cy="111443"/>
              </a:xfrm>
              <a:custGeom>
                <a:avLst/>
                <a:gdLst/>
                <a:ahLst/>
                <a:cxnLst>
                  <a:cxn ang="0">
                    <a:pos x="7" y="35"/>
                  </a:cxn>
                  <a:cxn ang="0">
                    <a:pos x="1064" y="35"/>
                  </a:cxn>
                  <a:cxn ang="0">
                    <a:pos x="1066" y="35"/>
                  </a:cxn>
                  <a:cxn ang="0">
                    <a:pos x="1069" y="37"/>
                  </a:cxn>
                  <a:cxn ang="0">
                    <a:pos x="1071" y="39"/>
                  </a:cxn>
                  <a:cxn ang="0">
                    <a:pos x="1071" y="42"/>
                  </a:cxn>
                  <a:cxn ang="0">
                    <a:pos x="1071" y="46"/>
                  </a:cxn>
                  <a:cxn ang="0">
                    <a:pos x="1069" y="47"/>
                  </a:cxn>
                  <a:cxn ang="0">
                    <a:pos x="1066" y="49"/>
                  </a:cxn>
                  <a:cxn ang="0">
                    <a:pos x="1064" y="49"/>
                  </a:cxn>
                  <a:cxn ang="0">
                    <a:pos x="7" y="49"/>
                  </a:cxn>
                  <a:cxn ang="0">
                    <a:pos x="4" y="49"/>
                  </a:cxn>
                  <a:cxn ang="0">
                    <a:pos x="2" y="47"/>
                  </a:cxn>
                  <a:cxn ang="0">
                    <a:pos x="0" y="46"/>
                  </a:cxn>
                  <a:cxn ang="0">
                    <a:pos x="0" y="42"/>
                  </a:cxn>
                  <a:cxn ang="0">
                    <a:pos x="0" y="39"/>
                  </a:cxn>
                  <a:cxn ang="0">
                    <a:pos x="2" y="37"/>
                  </a:cxn>
                  <a:cxn ang="0">
                    <a:pos x="4" y="35"/>
                  </a:cxn>
                  <a:cxn ang="0">
                    <a:pos x="7" y="35"/>
                  </a:cxn>
                  <a:cxn ang="0">
                    <a:pos x="7" y="35"/>
                  </a:cxn>
                  <a:cxn ang="0">
                    <a:pos x="1049" y="0"/>
                  </a:cxn>
                  <a:cxn ang="0">
                    <a:pos x="1134" y="42"/>
                  </a:cxn>
                  <a:cxn ang="0">
                    <a:pos x="1049" y="85"/>
                  </a:cxn>
                  <a:cxn ang="0">
                    <a:pos x="1049" y="0"/>
                  </a:cxn>
                </a:cxnLst>
                <a:rect l="0" t="0" r="r" b="b"/>
                <a:pathLst>
                  <a:path w="1134" h="85">
                    <a:moveTo>
                      <a:pt x="7" y="35"/>
                    </a:moveTo>
                    <a:lnTo>
                      <a:pt x="1064" y="35"/>
                    </a:lnTo>
                    <a:lnTo>
                      <a:pt x="1066" y="35"/>
                    </a:lnTo>
                    <a:lnTo>
                      <a:pt x="1069" y="37"/>
                    </a:lnTo>
                    <a:lnTo>
                      <a:pt x="1071" y="39"/>
                    </a:lnTo>
                    <a:lnTo>
                      <a:pt x="1071" y="42"/>
                    </a:lnTo>
                    <a:lnTo>
                      <a:pt x="1071" y="46"/>
                    </a:lnTo>
                    <a:lnTo>
                      <a:pt x="1069" y="47"/>
                    </a:lnTo>
                    <a:lnTo>
                      <a:pt x="1066" y="49"/>
                    </a:lnTo>
                    <a:lnTo>
                      <a:pt x="1064" y="49"/>
                    </a:lnTo>
                    <a:lnTo>
                      <a:pt x="7" y="49"/>
                    </a:lnTo>
                    <a:lnTo>
                      <a:pt x="4" y="49"/>
                    </a:lnTo>
                    <a:lnTo>
                      <a:pt x="2" y="47"/>
                    </a:lnTo>
                    <a:lnTo>
                      <a:pt x="0" y="46"/>
                    </a:lnTo>
                    <a:lnTo>
                      <a:pt x="0" y="42"/>
                    </a:lnTo>
                    <a:lnTo>
                      <a:pt x="0" y="39"/>
                    </a:lnTo>
                    <a:lnTo>
                      <a:pt x="2" y="37"/>
                    </a:lnTo>
                    <a:lnTo>
                      <a:pt x="4" y="35"/>
                    </a:lnTo>
                    <a:lnTo>
                      <a:pt x="7" y="35"/>
                    </a:lnTo>
                    <a:close/>
                    <a:moveTo>
                      <a:pt x="1049" y="0"/>
                    </a:moveTo>
                    <a:lnTo>
                      <a:pt x="1134" y="42"/>
                    </a:lnTo>
                    <a:lnTo>
                      <a:pt x="1049" y="85"/>
                    </a:lnTo>
                    <a:lnTo>
                      <a:pt x="104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pic>
            <p:nvPicPr>
              <p:cNvPr id="168" name="Picture 37" descr="j0281082"/>
              <p:cNvPicPr>
                <a:picLocks noChangeAspect="1" noChangeArrowheads="1"/>
              </p:cNvPicPr>
              <p:nvPr/>
            </p:nvPicPr>
            <p:blipFill>
              <a:blip r:embed="rId12" cstate="print"/>
              <a:srcRect/>
              <a:stretch>
                <a:fillRect/>
              </a:stretch>
            </p:blipFill>
            <p:spPr bwMode="auto">
              <a:xfrm>
                <a:off x="7668344" y="3429000"/>
                <a:ext cx="682625" cy="714375"/>
              </a:xfrm>
              <a:prstGeom prst="rect">
                <a:avLst/>
              </a:prstGeom>
              <a:noFill/>
              <a:ln w="9525">
                <a:noFill/>
                <a:miter lim="800000"/>
                <a:headEnd/>
                <a:tailEnd/>
              </a:ln>
            </p:spPr>
          </p:pic>
          <p:sp>
            <p:nvSpPr>
              <p:cNvPr id="169" name="Line 34"/>
              <p:cNvSpPr>
                <a:spLocks noChangeShapeType="1"/>
              </p:cNvSpPr>
              <p:nvPr/>
            </p:nvSpPr>
            <p:spPr bwMode="auto">
              <a:xfrm>
                <a:off x="6012160" y="3789040"/>
                <a:ext cx="561975" cy="0"/>
              </a:xfrm>
              <a:prstGeom prst="line">
                <a:avLst/>
              </a:prstGeom>
              <a:noFill/>
              <a:ln w="57150">
                <a:solidFill>
                  <a:schemeClr val="tx1"/>
                </a:solidFill>
                <a:round/>
                <a:headEnd/>
                <a:tailEnd type="triangle" w="med" len="med"/>
              </a:ln>
            </p:spPr>
            <p:txBody>
              <a:bodyPr lIns="90000" tIns="46800" rIns="90000" bIns="46800" anchor="ctr">
                <a:spAutoFit/>
              </a:bodyPr>
              <a:lstStyle/>
              <a:p>
                <a:endParaRPr lang="de-CH"/>
              </a:p>
            </p:txBody>
          </p:sp>
          <p:sp>
            <p:nvSpPr>
              <p:cNvPr id="170" name="Line 35"/>
              <p:cNvSpPr>
                <a:spLocks noChangeShapeType="1"/>
              </p:cNvSpPr>
              <p:nvPr/>
            </p:nvSpPr>
            <p:spPr bwMode="auto">
              <a:xfrm>
                <a:off x="6012160" y="4581128"/>
                <a:ext cx="1584176" cy="0"/>
              </a:xfrm>
              <a:prstGeom prst="line">
                <a:avLst/>
              </a:prstGeom>
              <a:noFill/>
              <a:ln w="57150">
                <a:solidFill>
                  <a:schemeClr val="tx1"/>
                </a:solidFill>
                <a:round/>
                <a:headEnd/>
                <a:tailEnd type="triangle" w="med" len="med"/>
              </a:ln>
            </p:spPr>
            <p:txBody>
              <a:bodyPr wrap="square" lIns="90000" tIns="46800" rIns="90000" bIns="46800" anchor="ctr">
                <a:spAutoFit/>
              </a:bodyPr>
              <a:lstStyle/>
              <a:p>
                <a:endParaRPr lang="de-CH"/>
              </a:p>
            </p:txBody>
          </p:sp>
          <p:sp>
            <p:nvSpPr>
              <p:cNvPr id="171" name="Line 8"/>
              <p:cNvSpPr>
                <a:spLocks noChangeShapeType="1"/>
              </p:cNvSpPr>
              <p:nvPr/>
            </p:nvSpPr>
            <p:spPr bwMode="auto">
              <a:xfrm flipV="1">
                <a:off x="1200236" y="4922268"/>
                <a:ext cx="2507670" cy="936104"/>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2" name="Line 8"/>
              <p:cNvSpPr>
                <a:spLocks noChangeShapeType="1"/>
              </p:cNvSpPr>
              <p:nvPr/>
            </p:nvSpPr>
            <p:spPr bwMode="auto">
              <a:xfrm>
                <a:off x="2483768" y="1916832"/>
                <a:ext cx="1224136" cy="792088"/>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3" name="Line 8"/>
              <p:cNvSpPr>
                <a:spLocks noChangeShapeType="1"/>
              </p:cNvSpPr>
              <p:nvPr/>
            </p:nvSpPr>
            <p:spPr bwMode="auto">
              <a:xfrm flipV="1">
                <a:off x="755576" y="3986164"/>
                <a:ext cx="72008" cy="1728190"/>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4" name="Line 8"/>
              <p:cNvSpPr>
                <a:spLocks noChangeShapeType="1"/>
              </p:cNvSpPr>
              <p:nvPr/>
            </p:nvSpPr>
            <p:spPr bwMode="auto">
              <a:xfrm flipH="1" flipV="1">
                <a:off x="4067944" y="2060848"/>
                <a:ext cx="504056" cy="648072"/>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5" name="Line 8"/>
              <p:cNvSpPr>
                <a:spLocks noChangeShapeType="1"/>
              </p:cNvSpPr>
              <p:nvPr/>
            </p:nvSpPr>
            <p:spPr bwMode="auto">
              <a:xfrm flipV="1">
                <a:off x="5076056" y="2060848"/>
                <a:ext cx="216024" cy="648072"/>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6" name="Line 8"/>
              <p:cNvSpPr>
                <a:spLocks noChangeShapeType="1"/>
              </p:cNvSpPr>
              <p:nvPr/>
            </p:nvSpPr>
            <p:spPr bwMode="auto">
              <a:xfrm flipV="1">
                <a:off x="5580112" y="2060848"/>
                <a:ext cx="1440160" cy="641226"/>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7" name="Line 31"/>
              <p:cNvSpPr>
                <a:spLocks noChangeShapeType="1"/>
              </p:cNvSpPr>
              <p:nvPr/>
            </p:nvSpPr>
            <p:spPr bwMode="auto">
              <a:xfrm>
                <a:off x="6012160" y="2924944"/>
                <a:ext cx="1440160" cy="0"/>
              </a:xfrm>
              <a:prstGeom prst="line">
                <a:avLst/>
              </a:prstGeom>
              <a:noFill/>
              <a:ln w="57150">
                <a:solidFill>
                  <a:schemeClr val="tx1"/>
                </a:solidFill>
                <a:round/>
                <a:headEnd/>
                <a:tailEnd type="triangle" w="med" len="med"/>
              </a:ln>
            </p:spPr>
            <p:txBody>
              <a:bodyPr wrap="square" lIns="90000" tIns="46800" rIns="90000" bIns="46800" anchor="ctr">
                <a:spAutoFit/>
              </a:bodyPr>
              <a:lstStyle/>
              <a:p>
                <a:endParaRPr lang="de-CH"/>
              </a:p>
            </p:txBody>
          </p:sp>
          <p:sp>
            <p:nvSpPr>
              <p:cNvPr id="178" name="Line 42"/>
              <p:cNvSpPr>
                <a:spLocks noChangeShapeType="1"/>
              </p:cNvSpPr>
              <p:nvPr/>
            </p:nvSpPr>
            <p:spPr bwMode="auto">
              <a:xfrm>
                <a:off x="7236296" y="3789040"/>
                <a:ext cx="371475" cy="0"/>
              </a:xfrm>
              <a:prstGeom prst="line">
                <a:avLst/>
              </a:prstGeom>
              <a:noFill/>
              <a:ln w="57150">
                <a:solidFill>
                  <a:schemeClr val="tx1"/>
                </a:solidFill>
                <a:round/>
                <a:headEnd/>
                <a:tailEnd type="triangle" w="med" len="med"/>
              </a:ln>
            </p:spPr>
            <p:txBody>
              <a:bodyPr lIns="90000" tIns="46800" rIns="90000" bIns="46800" anchor="ctr">
                <a:spAutoFit/>
              </a:bodyPr>
              <a:lstStyle/>
              <a:p>
                <a:endParaRPr lang="de-CH"/>
              </a:p>
            </p:txBody>
          </p:sp>
          <p:sp>
            <p:nvSpPr>
              <p:cNvPr id="179" name="Text Box 9"/>
              <p:cNvSpPr txBox="1">
                <a:spLocks noChangeArrowheads="1"/>
              </p:cNvSpPr>
              <p:nvPr/>
            </p:nvSpPr>
            <p:spPr bwMode="auto">
              <a:xfrm>
                <a:off x="1043608" y="5858373"/>
                <a:ext cx="2078046" cy="309958"/>
              </a:xfrm>
              <a:prstGeom prst="rect">
                <a:avLst/>
              </a:prstGeom>
              <a:noFill/>
              <a:ln w="9525" algn="ctr">
                <a:noFill/>
                <a:miter lim="800000"/>
                <a:headEnd/>
                <a:tailEnd/>
              </a:ln>
            </p:spPr>
            <p:txBody>
              <a:bodyPr wrap="none" lIns="90000" tIns="46800" rIns="90000" bIns="46800">
                <a:spAutoFit/>
              </a:bodyPr>
              <a:lstStyle/>
              <a:p>
                <a:r>
                  <a:rPr lang="de-CH" sz="1400" dirty="0"/>
                  <a:t>FrontOffice (</a:t>
                </a:r>
                <a:r>
                  <a:rPr lang="de-CH" sz="1400" dirty="0" err="1"/>
                  <a:t>Auth</a:t>
                </a:r>
                <a:r>
                  <a:rPr lang="de-CH" sz="1400" dirty="0"/>
                  <a:t>, </a:t>
                </a:r>
                <a:r>
                  <a:rPr lang="de-CH" sz="1400" dirty="0" err="1"/>
                  <a:t>Capt</a:t>
                </a:r>
                <a:r>
                  <a:rPr lang="de-CH" sz="1400" dirty="0"/>
                  <a:t>)</a:t>
                </a:r>
              </a:p>
            </p:txBody>
          </p:sp>
          <p:sp>
            <p:nvSpPr>
              <p:cNvPr id="180" name="Text Box 33"/>
              <p:cNvSpPr txBox="1">
                <a:spLocks noChangeArrowheads="1"/>
              </p:cNvSpPr>
              <p:nvPr/>
            </p:nvSpPr>
            <p:spPr bwMode="auto">
              <a:xfrm>
                <a:off x="8320608" y="2132856"/>
                <a:ext cx="1043608" cy="956288"/>
              </a:xfrm>
              <a:prstGeom prst="rect">
                <a:avLst/>
              </a:prstGeom>
              <a:noFill/>
              <a:ln w="9525" algn="ctr">
                <a:noFill/>
                <a:miter lim="800000"/>
                <a:headEnd/>
                <a:tailEnd/>
              </a:ln>
            </p:spPr>
            <p:txBody>
              <a:bodyPr wrap="square" lIns="90000" tIns="46800" rIns="90000" bIns="46800">
                <a:spAutoFit/>
              </a:bodyPr>
              <a:lstStyle/>
              <a:p>
                <a:r>
                  <a:rPr lang="de-CH" sz="800" dirty="0" smtClean="0"/>
                  <a:t>SWIFT MT101</a:t>
                </a:r>
              </a:p>
              <a:p>
                <a:r>
                  <a:rPr lang="de-CH" sz="800" dirty="0" smtClean="0"/>
                  <a:t>CM101</a:t>
                </a:r>
              </a:p>
              <a:p>
                <a:r>
                  <a:rPr lang="de-CH" sz="800" dirty="0" smtClean="0"/>
                  <a:t>MT202 / MT204</a:t>
                </a:r>
              </a:p>
              <a:p>
                <a:r>
                  <a:rPr lang="de-CH" sz="800" dirty="0" smtClean="0"/>
                  <a:t>EDIFACT</a:t>
                </a:r>
                <a:endParaRPr lang="de-CH" sz="800" dirty="0"/>
              </a:p>
              <a:p>
                <a:r>
                  <a:rPr lang="de-CH" sz="800" dirty="0" smtClean="0"/>
                  <a:t>DTA ZV</a:t>
                </a:r>
              </a:p>
              <a:p>
                <a:r>
                  <a:rPr lang="de-CH" sz="800" dirty="0" smtClean="0"/>
                  <a:t>SEPA</a:t>
                </a:r>
                <a:endParaRPr lang="de-CH" sz="800" dirty="0"/>
              </a:p>
            </p:txBody>
          </p:sp>
          <p:sp>
            <p:nvSpPr>
              <p:cNvPr id="181" name="Text Box 39"/>
              <p:cNvSpPr txBox="1">
                <a:spLocks noChangeArrowheads="1"/>
              </p:cNvSpPr>
              <p:nvPr/>
            </p:nvSpPr>
            <p:spPr bwMode="auto">
              <a:xfrm>
                <a:off x="6084168" y="2636912"/>
                <a:ext cx="982662" cy="244475"/>
              </a:xfrm>
              <a:prstGeom prst="rect">
                <a:avLst/>
              </a:prstGeom>
              <a:noFill/>
              <a:ln w="9525" algn="ctr">
                <a:noFill/>
                <a:miter lim="800000"/>
                <a:headEnd/>
                <a:tailEnd/>
              </a:ln>
            </p:spPr>
            <p:txBody>
              <a:bodyPr wrap="none" lIns="90000" tIns="46800" rIns="90000" bIns="46800">
                <a:spAutoFit/>
              </a:bodyPr>
              <a:lstStyle/>
              <a:p>
                <a:r>
                  <a:rPr lang="de-CH" sz="1000" dirty="0"/>
                  <a:t>Payment Files</a:t>
                </a:r>
              </a:p>
            </p:txBody>
          </p:sp>
          <p:sp>
            <p:nvSpPr>
              <p:cNvPr id="182" name="Text Box 40"/>
              <p:cNvSpPr txBox="1">
                <a:spLocks noChangeArrowheads="1"/>
              </p:cNvSpPr>
              <p:nvPr/>
            </p:nvSpPr>
            <p:spPr bwMode="auto">
              <a:xfrm>
                <a:off x="6084168" y="3429000"/>
                <a:ext cx="1101725" cy="244475"/>
              </a:xfrm>
              <a:prstGeom prst="rect">
                <a:avLst/>
              </a:prstGeom>
              <a:noFill/>
              <a:ln w="9525" algn="ctr">
                <a:noFill/>
                <a:miter lim="800000"/>
                <a:headEnd/>
                <a:tailEnd/>
              </a:ln>
            </p:spPr>
            <p:txBody>
              <a:bodyPr wrap="none" lIns="90000" tIns="46800" rIns="90000" bIns="46800">
                <a:spAutoFit/>
              </a:bodyPr>
              <a:lstStyle/>
              <a:p>
                <a:r>
                  <a:rPr lang="de-CH" sz="1000" dirty="0" err="1"/>
                  <a:t>Merchant</a:t>
                </a:r>
                <a:r>
                  <a:rPr lang="de-CH" sz="1000" dirty="0"/>
                  <a:t> </a:t>
                </a:r>
                <a:r>
                  <a:rPr lang="de-CH" sz="1000" dirty="0" err="1"/>
                  <a:t>Notice</a:t>
                </a:r>
                <a:endParaRPr lang="de-CH" sz="1000" dirty="0"/>
              </a:p>
            </p:txBody>
          </p:sp>
          <p:sp>
            <p:nvSpPr>
              <p:cNvPr id="183" name="Text Box 43"/>
              <p:cNvSpPr txBox="1">
                <a:spLocks noChangeArrowheads="1"/>
              </p:cNvSpPr>
              <p:nvPr/>
            </p:nvSpPr>
            <p:spPr bwMode="auto">
              <a:xfrm>
                <a:off x="6156176" y="4293096"/>
                <a:ext cx="1057275" cy="244475"/>
              </a:xfrm>
              <a:prstGeom prst="rect">
                <a:avLst/>
              </a:prstGeom>
              <a:noFill/>
              <a:ln w="9525" algn="ctr">
                <a:noFill/>
                <a:miter lim="800000"/>
                <a:headEnd/>
                <a:tailEnd/>
              </a:ln>
            </p:spPr>
            <p:txBody>
              <a:bodyPr wrap="none" lIns="90000" tIns="46800" rIns="90000" bIns="46800">
                <a:spAutoFit/>
              </a:bodyPr>
              <a:lstStyle/>
              <a:p>
                <a:r>
                  <a:rPr lang="de-CH" sz="1000"/>
                  <a:t>General Ledger</a:t>
                </a:r>
              </a:p>
            </p:txBody>
          </p:sp>
          <p:sp>
            <p:nvSpPr>
              <p:cNvPr id="184" name="Text Box 59"/>
              <p:cNvSpPr txBox="1">
                <a:spLocks noChangeArrowheads="1"/>
              </p:cNvSpPr>
              <p:nvPr/>
            </p:nvSpPr>
            <p:spPr bwMode="auto">
              <a:xfrm>
                <a:off x="7524328" y="5229200"/>
                <a:ext cx="1033463" cy="854075"/>
              </a:xfrm>
              <a:prstGeom prst="rect">
                <a:avLst/>
              </a:prstGeom>
              <a:noFill/>
              <a:ln w="9525" algn="ctr">
                <a:noFill/>
                <a:miter lim="800000"/>
                <a:headEnd/>
                <a:tailEnd/>
              </a:ln>
            </p:spPr>
            <p:txBody>
              <a:bodyPr wrap="none" lIns="90000" tIns="46800" rIns="90000" bIns="46800">
                <a:spAutoFit/>
              </a:bodyPr>
              <a:lstStyle/>
              <a:p>
                <a:r>
                  <a:rPr lang="de-CH" sz="1000" dirty="0" err="1"/>
                  <a:t>Staging</a:t>
                </a:r>
                <a:r>
                  <a:rPr lang="de-CH" sz="1000" dirty="0"/>
                  <a:t> (DWH)</a:t>
                </a:r>
              </a:p>
              <a:p>
                <a:r>
                  <a:rPr lang="de-CH" sz="1000" dirty="0"/>
                  <a:t>FRAMO</a:t>
                </a:r>
              </a:p>
              <a:p>
                <a:r>
                  <a:rPr lang="de-CH" sz="1000" dirty="0"/>
                  <a:t>Dagobert</a:t>
                </a:r>
                <a:br>
                  <a:rPr lang="de-CH" sz="1000" dirty="0"/>
                </a:br>
                <a:r>
                  <a:rPr lang="de-CH" sz="1000" dirty="0"/>
                  <a:t>MI Files</a:t>
                </a:r>
              </a:p>
              <a:p>
                <a:r>
                  <a:rPr lang="de-CH" sz="1000" dirty="0"/>
                  <a:t>Reports</a:t>
                </a:r>
              </a:p>
            </p:txBody>
          </p:sp>
          <p:sp>
            <p:nvSpPr>
              <p:cNvPr id="185" name="Text Box 65"/>
              <p:cNvSpPr txBox="1">
                <a:spLocks noChangeArrowheads="1"/>
              </p:cNvSpPr>
              <p:nvPr/>
            </p:nvSpPr>
            <p:spPr bwMode="auto">
              <a:xfrm>
                <a:off x="6012160" y="5085184"/>
                <a:ext cx="498475" cy="228600"/>
              </a:xfrm>
              <a:prstGeom prst="rect">
                <a:avLst/>
              </a:prstGeom>
              <a:noFill/>
              <a:ln w="9525" algn="ctr">
                <a:noFill/>
                <a:miter lim="800000"/>
                <a:headEnd/>
                <a:tailEnd/>
              </a:ln>
            </p:spPr>
            <p:txBody>
              <a:bodyPr wrap="none" lIns="90000" tIns="46800" rIns="90000" bIns="46800">
                <a:spAutoFit/>
              </a:bodyPr>
              <a:lstStyle/>
              <a:p>
                <a:r>
                  <a:rPr lang="de-CH" sz="900" dirty="0"/>
                  <a:t>SOAP</a:t>
                </a:r>
              </a:p>
            </p:txBody>
          </p:sp>
          <p:sp>
            <p:nvSpPr>
              <p:cNvPr id="186" name="Text Box 66"/>
              <p:cNvSpPr txBox="1">
                <a:spLocks noChangeArrowheads="1"/>
              </p:cNvSpPr>
              <p:nvPr/>
            </p:nvSpPr>
            <p:spPr bwMode="auto">
              <a:xfrm>
                <a:off x="6804248" y="5229200"/>
                <a:ext cx="471487" cy="244475"/>
              </a:xfrm>
              <a:prstGeom prst="rect">
                <a:avLst/>
              </a:prstGeom>
              <a:noFill/>
              <a:ln w="9525" algn="ctr">
                <a:noFill/>
                <a:miter lim="800000"/>
                <a:headEnd/>
                <a:tailEnd/>
              </a:ln>
            </p:spPr>
            <p:txBody>
              <a:bodyPr wrap="none" lIns="90000" tIns="46800" rIns="90000" bIns="46800">
                <a:spAutoFit/>
              </a:bodyPr>
              <a:lstStyle/>
              <a:p>
                <a:r>
                  <a:rPr lang="de-CH" sz="1000" dirty="0"/>
                  <a:t>CRM</a:t>
                </a:r>
              </a:p>
            </p:txBody>
          </p:sp>
          <p:pic>
            <p:nvPicPr>
              <p:cNvPr id="187" name="Picture 32" descr="j0233778"/>
              <p:cNvPicPr>
                <a:picLocks noChangeAspect="1" noChangeArrowheads="1"/>
              </p:cNvPicPr>
              <p:nvPr/>
            </p:nvPicPr>
            <p:blipFill>
              <a:blip r:embed="rId13" cstate="print"/>
              <a:srcRect/>
              <a:stretch>
                <a:fillRect/>
              </a:stretch>
            </p:blipFill>
            <p:spPr bwMode="auto">
              <a:xfrm>
                <a:off x="7524328" y="2492896"/>
                <a:ext cx="889000" cy="719137"/>
              </a:xfrm>
              <a:prstGeom prst="rect">
                <a:avLst/>
              </a:prstGeom>
              <a:noFill/>
              <a:ln w="9525">
                <a:noFill/>
                <a:miter lim="800000"/>
                <a:headEnd/>
                <a:tailEnd/>
              </a:ln>
            </p:spPr>
          </p:pic>
          <p:pic>
            <p:nvPicPr>
              <p:cNvPr id="188" name="Picture 62" descr="j0195324"/>
              <p:cNvPicPr>
                <a:picLocks noChangeAspect="1" noChangeArrowheads="1"/>
              </p:cNvPicPr>
              <p:nvPr/>
            </p:nvPicPr>
            <p:blipFill>
              <a:blip r:embed="rId14" cstate="print"/>
              <a:srcRect/>
              <a:stretch>
                <a:fillRect/>
              </a:stretch>
            </p:blipFill>
            <p:spPr bwMode="auto">
              <a:xfrm>
                <a:off x="7596336" y="4365104"/>
                <a:ext cx="560388" cy="525463"/>
              </a:xfrm>
              <a:prstGeom prst="rect">
                <a:avLst/>
              </a:prstGeom>
              <a:noFill/>
              <a:ln w="9525">
                <a:noFill/>
                <a:miter lim="800000"/>
                <a:headEnd/>
                <a:tailEnd/>
              </a:ln>
            </p:spPr>
          </p:pic>
          <p:sp>
            <p:nvSpPr>
              <p:cNvPr id="189" name="Rectangle 54"/>
              <p:cNvSpPr>
                <a:spLocks noChangeArrowheads="1"/>
              </p:cNvSpPr>
              <p:nvPr/>
            </p:nvSpPr>
            <p:spPr bwMode="auto">
              <a:xfrm>
                <a:off x="1043608" y="4130181"/>
                <a:ext cx="587375" cy="517525"/>
              </a:xfrm>
              <a:prstGeom prst="rect">
                <a:avLst/>
              </a:prstGeom>
              <a:solidFill>
                <a:schemeClr val="bg1"/>
              </a:solidFill>
              <a:ln w="9525" algn="ctr">
                <a:noFill/>
                <a:miter lim="800000"/>
                <a:headEnd/>
                <a:tailEnd/>
              </a:ln>
            </p:spPr>
            <p:txBody>
              <a:bodyPr wrap="none" lIns="90000" tIns="46800" rIns="90000" bIns="46800" anchor="ctr"/>
              <a:lstStyle/>
              <a:p>
                <a:r>
                  <a:rPr lang="de-CH"/>
                  <a:t>SCS</a:t>
                </a:r>
              </a:p>
            </p:txBody>
          </p:sp>
          <p:sp>
            <p:nvSpPr>
              <p:cNvPr id="190" name="Line 56"/>
              <p:cNvSpPr>
                <a:spLocks noChangeShapeType="1"/>
              </p:cNvSpPr>
              <p:nvPr/>
            </p:nvSpPr>
            <p:spPr bwMode="auto">
              <a:xfrm flipH="1" flipV="1">
                <a:off x="1619672" y="4490220"/>
                <a:ext cx="360040" cy="144016"/>
              </a:xfrm>
              <a:prstGeom prst="line">
                <a:avLst/>
              </a:prstGeom>
              <a:noFill/>
              <a:ln w="9525">
                <a:solidFill>
                  <a:schemeClr val="tx1"/>
                </a:solidFill>
                <a:round/>
                <a:headEnd/>
                <a:tailEnd type="triangle" w="med" len="med"/>
              </a:ln>
            </p:spPr>
            <p:txBody>
              <a:bodyPr wrap="square" lIns="90000" tIns="46800" rIns="90000" bIns="46800" anchor="ctr">
                <a:spAutoFit/>
              </a:bodyPr>
              <a:lstStyle/>
              <a:p>
                <a:endParaRPr lang="de-CH"/>
              </a:p>
            </p:txBody>
          </p:sp>
          <p:sp>
            <p:nvSpPr>
              <p:cNvPr id="191" name="Line 46"/>
              <p:cNvSpPr>
                <a:spLocks noChangeShapeType="1"/>
              </p:cNvSpPr>
              <p:nvPr/>
            </p:nvSpPr>
            <p:spPr bwMode="auto">
              <a:xfrm flipV="1">
                <a:off x="4283968" y="4797152"/>
                <a:ext cx="0" cy="467992"/>
              </a:xfrm>
              <a:prstGeom prst="line">
                <a:avLst/>
              </a:prstGeom>
              <a:noFill/>
              <a:ln w="28575">
                <a:solidFill>
                  <a:schemeClr val="tx1"/>
                </a:solidFill>
                <a:round/>
                <a:headEnd/>
                <a:tailEnd type="triangle" w="med" len="med"/>
              </a:ln>
            </p:spPr>
            <p:txBody>
              <a:bodyPr wrap="square" lIns="90000" tIns="46800" rIns="90000" bIns="46800" anchor="ctr">
                <a:spAutoFit/>
              </a:bodyPr>
              <a:lstStyle/>
              <a:p>
                <a:endParaRPr lang="de-CH"/>
              </a:p>
            </p:txBody>
          </p:sp>
          <p:sp>
            <p:nvSpPr>
              <p:cNvPr id="192" name="Line 47"/>
              <p:cNvSpPr>
                <a:spLocks noChangeShapeType="1"/>
              </p:cNvSpPr>
              <p:nvPr/>
            </p:nvSpPr>
            <p:spPr bwMode="auto">
              <a:xfrm>
                <a:off x="4067944" y="4797152"/>
                <a:ext cx="0" cy="467992"/>
              </a:xfrm>
              <a:prstGeom prst="line">
                <a:avLst/>
              </a:prstGeom>
              <a:noFill/>
              <a:ln w="38100">
                <a:solidFill>
                  <a:schemeClr val="tx1"/>
                </a:solidFill>
                <a:round/>
                <a:headEnd/>
                <a:tailEnd type="triangle" w="med" len="med"/>
              </a:ln>
            </p:spPr>
            <p:txBody>
              <a:bodyPr wrap="square" lIns="90000" tIns="46800" rIns="90000" bIns="46800" anchor="ctr">
                <a:spAutoFit/>
              </a:bodyPr>
              <a:lstStyle/>
              <a:p>
                <a:endParaRPr lang="de-CH"/>
              </a:p>
            </p:txBody>
          </p:sp>
          <p:sp>
            <p:nvSpPr>
              <p:cNvPr id="193" name="Line 46"/>
              <p:cNvSpPr>
                <a:spLocks noChangeShapeType="1"/>
              </p:cNvSpPr>
              <p:nvPr/>
            </p:nvSpPr>
            <p:spPr bwMode="auto">
              <a:xfrm flipV="1">
                <a:off x="5076056" y="4797152"/>
                <a:ext cx="0" cy="395984"/>
              </a:xfrm>
              <a:prstGeom prst="line">
                <a:avLst/>
              </a:prstGeom>
              <a:noFill/>
              <a:ln w="28575">
                <a:solidFill>
                  <a:schemeClr val="tx1"/>
                </a:solidFill>
                <a:round/>
                <a:headEnd/>
                <a:tailEnd type="triangle" w="med" len="med"/>
              </a:ln>
            </p:spPr>
            <p:txBody>
              <a:bodyPr wrap="square" lIns="90000" tIns="46800" rIns="90000" bIns="46800" anchor="ctr">
                <a:spAutoFit/>
              </a:bodyPr>
              <a:lstStyle/>
              <a:p>
                <a:endParaRPr lang="de-CH"/>
              </a:p>
            </p:txBody>
          </p:sp>
          <p:sp>
            <p:nvSpPr>
              <p:cNvPr id="194" name="Line 47"/>
              <p:cNvSpPr>
                <a:spLocks noChangeShapeType="1"/>
              </p:cNvSpPr>
              <p:nvPr/>
            </p:nvSpPr>
            <p:spPr bwMode="auto">
              <a:xfrm>
                <a:off x="4860032" y="4797152"/>
                <a:ext cx="0" cy="395984"/>
              </a:xfrm>
              <a:prstGeom prst="line">
                <a:avLst/>
              </a:prstGeom>
              <a:noFill/>
              <a:ln w="38100">
                <a:solidFill>
                  <a:schemeClr val="tx1"/>
                </a:solidFill>
                <a:round/>
                <a:headEnd/>
                <a:tailEnd type="triangle" w="med" len="med"/>
              </a:ln>
            </p:spPr>
            <p:txBody>
              <a:bodyPr wrap="square" lIns="90000" tIns="46800" rIns="90000" bIns="46800" anchor="ctr">
                <a:spAutoFit/>
              </a:bodyPr>
              <a:lstStyle/>
              <a:p>
                <a:endParaRPr lang="de-CH"/>
              </a:p>
            </p:txBody>
          </p:sp>
          <p:sp>
            <p:nvSpPr>
              <p:cNvPr id="195" name="Line 60"/>
              <p:cNvSpPr>
                <a:spLocks noChangeShapeType="1"/>
              </p:cNvSpPr>
              <p:nvPr/>
            </p:nvSpPr>
            <p:spPr bwMode="auto">
              <a:xfrm flipH="1">
                <a:off x="1043608" y="4522035"/>
                <a:ext cx="2663414" cy="1192321"/>
              </a:xfrm>
              <a:prstGeom prst="line">
                <a:avLst/>
              </a:prstGeom>
              <a:noFill/>
              <a:ln w="9525" cap="rnd">
                <a:solidFill>
                  <a:schemeClr val="tx1"/>
                </a:solidFill>
                <a:prstDash val="sysDot"/>
                <a:round/>
                <a:headEnd type="triangle" w="med" len="med"/>
                <a:tailEnd type="triangle" w="med" len="med"/>
              </a:ln>
            </p:spPr>
            <p:txBody>
              <a:bodyPr wrap="square" lIns="90000" tIns="46800" rIns="90000" bIns="46800" anchor="ctr">
                <a:spAutoFit/>
              </a:bodyPr>
              <a:lstStyle/>
              <a:p>
                <a:endParaRPr lang="de-CH"/>
              </a:p>
            </p:txBody>
          </p:sp>
        </p:grpSp>
        <p:pic>
          <p:nvPicPr>
            <p:cNvPr id="48" name="Picture 5"/>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3180270" y="3480706"/>
              <a:ext cx="1751770" cy="53694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9" name="Oval Callout 48"/>
            <p:cNvSpPr/>
            <p:nvPr/>
          </p:nvSpPr>
          <p:spPr>
            <a:xfrm>
              <a:off x="6900611" y="1796168"/>
              <a:ext cx="1340318" cy="734235"/>
            </a:xfrm>
            <a:prstGeom prst="wedgeEllipseCallout">
              <a:avLst>
                <a:gd name="adj1" fmla="val -24788"/>
                <a:gd name="adj2" fmla="val 76037"/>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r>
                <a:rPr lang="de-CH" sz="1050" dirty="0" smtClean="0"/>
                <a:t>Täglich</a:t>
              </a:r>
            </a:p>
            <a:p>
              <a:pPr algn="ctr"/>
              <a:r>
                <a:rPr lang="de-CH" sz="1050" dirty="0" smtClean="0"/>
                <a:t> ½ - 1 Mia.</a:t>
              </a:r>
            </a:p>
          </p:txBody>
        </p:sp>
        <p:sp>
          <p:nvSpPr>
            <p:cNvPr id="50" name="Oval Callout 49"/>
            <p:cNvSpPr/>
            <p:nvPr/>
          </p:nvSpPr>
          <p:spPr>
            <a:xfrm>
              <a:off x="2167692" y="795308"/>
              <a:ext cx="1080120" cy="734235"/>
            </a:xfrm>
            <a:prstGeom prst="wedgeEllipseCallout">
              <a:avLst>
                <a:gd name="adj1" fmla="val -40464"/>
                <a:gd name="adj2" fmla="val 65207"/>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r>
                <a:rPr lang="de-CH" sz="1050" dirty="0" smtClean="0"/>
                <a:t>Etwa 800 User</a:t>
              </a:r>
            </a:p>
          </p:txBody>
        </p:sp>
        <p:sp>
          <p:nvSpPr>
            <p:cNvPr id="51" name="Oval Callout 50"/>
            <p:cNvSpPr/>
            <p:nvPr/>
          </p:nvSpPr>
          <p:spPr>
            <a:xfrm>
              <a:off x="2962271" y="5505072"/>
              <a:ext cx="1315646" cy="734235"/>
            </a:xfrm>
            <a:prstGeom prst="wedgeEllipseCallout">
              <a:avLst>
                <a:gd name="adj1" fmla="val -62548"/>
                <a:gd name="adj2" fmla="val -127014"/>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r>
                <a:rPr lang="de-CH" sz="1050" dirty="0" smtClean="0"/>
                <a:t>Täglich</a:t>
              </a:r>
            </a:p>
            <a:p>
              <a:pPr algn="ctr"/>
              <a:r>
                <a:rPr lang="de-CH" sz="1050" dirty="0" smtClean="0"/>
                <a:t>3 – 14 Mio.</a:t>
              </a:r>
            </a:p>
          </p:txBody>
        </p:sp>
      </p:grpSp>
    </p:spTree>
    <p:extLst>
      <p:ext uri="{BB962C8B-B14F-4D97-AF65-F5344CB8AC3E}">
        <p14:creationId xmlns:p14="http://schemas.microsoft.com/office/powerpoint/2010/main" val="8809110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2. Problemstellung</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0.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5</a:t>
            </a:fld>
            <a:endParaRPr lang="de-CH" dirty="0"/>
          </a:p>
        </p:txBody>
      </p:sp>
      <p:pic>
        <p:nvPicPr>
          <p:cNvPr id="7" name="Content Placeholder 6"/>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538456" y="1082386"/>
            <a:ext cx="7993544" cy="4490397"/>
          </a:xfrm>
        </p:spPr>
      </p:pic>
    </p:spTree>
    <p:extLst>
      <p:ext uri="{BB962C8B-B14F-4D97-AF65-F5344CB8AC3E}">
        <p14:creationId xmlns:p14="http://schemas.microsoft.com/office/powerpoint/2010/main" val="6531450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3. Lösungsansatz / Vorgehensmethodik</a:t>
            </a:r>
            <a:endParaRPr lang="de-DE" dirty="0"/>
          </a:p>
        </p:txBody>
      </p:sp>
      <p:sp>
        <p:nvSpPr>
          <p:cNvPr id="3" name="Content Placeholder 2"/>
          <p:cNvSpPr>
            <a:spLocks noGrp="1"/>
          </p:cNvSpPr>
          <p:nvPr>
            <p:ph idx="1"/>
          </p:nvPr>
        </p:nvSpPr>
        <p:spPr/>
        <p:txBody>
          <a:bodyPr>
            <a:normAutofit/>
          </a:bodyPr>
          <a:lstStyle/>
          <a:p>
            <a:pPr marL="342900" lvl="0" indent="-342900">
              <a:buFont typeface="+mj-lt"/>
              <a:buAutoNum type="arabicPeriod"/>
            </a:pPr>
            <a:r>
              <a:rPr lang="de-CH" dirty="0" smtClean="0"/>
              <a:t>Erfassen der funktionalen und nicht funktionalen Anforderungen mit den Stakeholdern. </a:t>
            </a:r>
            <a:endParaRPr lang="en-US" dirty="0"/>
          </a:p>
          <a:p>
            <a:pPr marL="342900" lvl="0" indent="-342900">
              <a:buFont typeface="+mj-lt"/>
              <a:buAutoNum type="arabicPeriod"/>
            </a:pPr>
            <a:r>
              <a:rPr lang="de-CH" dirty="0" smtClean="0"/>
              <a:t>Aktuelle Architektur anpassen, ergänzen und in ein Architektur Dokument basierend auf Arc42 übertragen.</a:t>
            </a:r>
            <a:endParaRPr lang="en-US" dirty="0"/>
          </a:p>
          <a:p>
            <a:pPr marL="342900" lvl="0" indent="-342900">
              <a:buFont typeface="+mj-lt"/>
              <a:buAutoNum type="arabicPeriod"/>
            </a:pPr>
            <a:r>
              <a:rPr lang="de-CH" dirty="0" smtClean="0"/>
              <a:t>Lösungsansätze ausarbeiten und mittels Prototypen verifizieren. </a:t>
            </a:r>
            <a:endParaRPr lang="en-US" dirty="0"/>
          </a:p>
          <a:p>
            <a:pPr marL="342900" lvl="0" indent="-342900">
              <a:buFont typeface="+mj-lt"/>
              <a:buAutoNum type="arabicPeriod"/>
            </a:pPr>
            <a:r>
              <a:rPr lang="de-CH" dirty="0" smtClean="0"/>
              <a:t>Review des </a:t>
            </a:r>
            <a:r>
              <a:rPr lang="de-CH" dirty="0" err="1" smtClean="0"/>
              <a:t>Deployment</a:t>
            </a:r>
            <a:r>
              <a:rPr lang="de-CH" dirty="0" smtClean="0"/>
              <a:t> </a:t>
            </a:r>
            <a:r>
              <a:rPr lang="de-CH" dirty="0" err="1" smtClean="0"/>
              <a:t>Processes</a:t>
            </a:r>
            <a:r>
              <a:rPr lang="de-CH" dirty="0" smtClean="0"/>
              <a:t>.</a:t>
            </a:r>
            <a:endParaRPr lang="en-US" dirty="0"/>
          </a:p>
          <a:p>
            <a:pPr marL="342900" lvl="0" indent="-342900">
              <a:buFont typeface="+mj-lt"/>
              <a:buAutoNum type="arabicPeriod"/>
            </a:pPr>
            <a:r>
              <a:rPr lang="de-CH" dirty="0"/>
              <a:t>Anschliessend sollen die Prototypen auf die Anforderungen hin überprüft und entsprechende Schlussfolgerungen oder Anpassungen durchgeführt und nachdokumentiert werden</a:t>
            </a:r>
            <a:r>
              <a:rPr lang="de-CH" dirty="0" smtClean="0"/>
              <a:t>.</a:t>
            </a:r>
          </a:p>
          <a:p>
            <a:pPr marL="342900" lvl="0" indent="-342900">
              <a:buFont typeface="+mj-lt"/>
              <a:buAutoNum type="arabicPeriod"/>
            </a:pPr>
            <a:endParaRPr lang="de-CH" dirty="0"/>
          </a:p>
          <a:p>
            <a:r>
              <a:rPr lang="de-CH" dirty="0" smtClean="0"/>
              <a:t>Umsetzung mittels </a:t>
            </a:r>
            <a:r>
              <a:rPr lang="de-CH" dirty="0" err="1" smtClean="0"/>
              <a:t>Scrum</a:t>
            </a:r>
            <a:r>
              <a:rPr lang="de-CH" dirty="0" smtClean="0"/>
              <a:t> mit zwei Wochen Sprints.</a:t>
            </a:r>
          </a:p>
          <a:p>
            <a:r>
              <a:rPr lang="de-CH" dirty="0" err="1" smtClean="0"/>
              <a:t>Prototyping</a:t>
            </a:r>
            <a:r>
              <a:rPr lang="de-CH" dirty="0" smtClean="0"/>
              <a:t> für das Verifizieren der Lösungsansätze. </a:t>
            </a:r>
            <a:endParaRPr lang="en-US" dirty="0"/>
          </a:p>
          <a:p>
            <a:endParaRPr lang="en-US" dirty="0"/>
          </a:p>
        </p:txBody>
      </p:sp>
      <p:sp>
        <p:nvSpPr>
          <p:cNvPr id="4" name="Date Placeholder 3"/>
          <p:cNvSpPr>
            <a:spLocks noGrp="1"/>
          </p:cNvSpPr>
          <p:nvPr>
            <p:ph type="dt" sz="half" idx="10"/>
          </p:nvPr>
        </p:nvSpPr>
        <p:spPr/>
        <p:txBody>
          <a:bodyPr/>
          <a:lstStyle/>
          <a:p>
            <a:fld id="{3DA8AD82-44AD-4D66-AD7B-1F36F7CE3655}" type="datetime1">
              <a:rPr lang="de-CH" smtClean="0"/>
              <a:t>20.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6</a:t>
            </a:fld>
            <a:endParaRPr lang="de-CH" dirty="0"/>
          </a:p>
        </p:txBody>
      </p:sp>
    </p:spTree>
    <p:extLst>
      <p:ext uri="{BB962C8B-B14F-4D97-AF65-F5344CB8AC3E}">
        <p14:creationId xmlns:p14="http://schemas.microsoft.com/office/powerpoint/2010/main" val="6808877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4. </a:t>
            </a:r>
            <a:r>
              <a:rPr lang="en-US" dirty="0" err="1" smtClean="0"/>
              <a:t>Aufwandschätzung</a:t>
            </a:r>
            <a:r>
              <a:rPr lang="en-US" dirty="0" smtClean="0"/>
              <a:t> / </a:t>
            </a:r>
            <a:r>
              <a:rPr lang="en-US" dirty="0" err="1" smtClean="0"/>
              <a:t>Lieferobjekte</a:t>
            </a:r>
            <a:endParaRPr lang="en-US" dirty="0"/>
          </a:p>
        </p:txBody>
      </p:sp>
      <p:sp>
        <p:nvSpPr>
          <p:cNvPr id="4" name="Date Placeholder 3"/>
          <p:cNvSpPr>
            <a:spLocks noGrp="1"/>
          </p:cNvSpPr>
          <p:nvPr>
            <p:ph type="dt" sz="half" idx="10"/>
          </p:nvPr>
        </p:nvSpPr>
        <p:spPr/>
        <p:txBody>
          <a:bodyPr/>
          <a:lstStyle/>
          <a:p>
            <a:fld id="{3DA8AD82-44AD-4D66-AD7B-1F36F7CE3655}" type="datetime1">
              <a:rPr lang="de-CH" smtClean="0"/>
              <a:t>20.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7</a:t>
            </a:fld>
            <a:endParaRPr lang="de-CH" dirty="0"/>
          </a:p>
        </p:txBody>
      </p:sp>
      <p:sp>
        <p:nvSpPr>
          <p:cNvPr id="3" name="Content Placeholder 2"/>
          <p:cNvSpPr>
            <a:spLocks noGrp="1"/>
          </p:cNvSpPr>
          <p:nvPr>
            <p:ph idx="1"/>
          </p:nvPr>
        </p:nvSpPr>
        <p:spPr/>
        <p:txBody>
          <a:bodyPr/>
          <a:lstStyle/>
          <a:p>
            <a:endParaRPr lang="de-DE"/>
          </a:p>
        </p:txBody>
      </p:sp>
    </p:spTree>
    <p:extLst>
      <p:ext uri="{BB962C8B-B14F-4D97-AF65-F5344CB8AC3E}">
        <p14:creationId xmlns:p14="http://schemas.microsoft.com/office/powerpoint/2010/main" val="948238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de-DE"/>
          </a:p>
        </p:txBody>
      </p:sp>
      <p:sp>
        <p:nvSpPr>
          <p:cNvPr id="3" name="Content Placeholder 2"/>
          <p:cNvSpPr>
            <a:spLocks noGrp="1"/>
          </p:cNvSpPr>
          <p:nvPr>
            <p:ph idx="1"/>
          </p:nvPr>
        </p:nvSpPr>
        <p:spPr/>
        <p:txBody>
          <a:bodyPr/>
          <a:lstStyle/>
          <a:p>
            <a:endParaRPr lang="de-DE"/>
          </a:p>
        </p:txBody>
      </p:sp>
      <p:sp>
        <p:nvSpPr>
          <p:cNvPr id="4" name="Date Placeholder 3"/>
          <p:cNvSpPr>
            <a:spLocks noGrp="1"/>
          </p:cNvSpPr>
          <p:nvPr>
            <p:ph type="dt" sz="half" idx="10"/>
          </p:nvPr>
        </p:nvSpPr>
        <p:spPr/>
        <p:txBody>
          <a:bodyPr/>
          <a:lstStyle/>
          <a:p>
            <a:fld id="{3DA8AD82-44AD-4D66-AD7B-1F36F7CE3655}" type="datetime1">
              <a:rPr lang="de-CH" smtClean="0"/>
              <a:t>20.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8</a:t>
            </a:fld>
            <a:endParaRPr lang="de-CH" dirty="0"/>
          </a:p>
        </p:txBody>
      </p:sp>
    </p:spTree>
    <p:extLst>
      <p:ext uri="{BB962C8B-B14F-4D97-AF65-F5344CB8AC3E}">
        <p14:creationId xmlns:p14="http://schemas.microsoft.com/office/powerpoint/2010/main" val="16590230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6. Fachliche Methoden</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0.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9</a:t>
            </a:fld>
            <a:endParaRPr lang="de-CH" dirty="0"/>
          </a:p>
        </p:txBody>
      </p:sp>
      <p:graphicFrame>
        <p:nvGraphicFramePr>
          <p:cNvPr id="7" name="Table 6"/>
          <p:cNvGraphicFramePr>
            <a:graphicFrameLocks noGrp="1"/>
          </p:cNvGraphicFramePr>
          <p:nvPr>
            <p:extLst>
              <p:ext uri="{D42A27DB-BD31-4B8C-83A1-F6EECF244321}">
                <p14:modId xmlns:p14="http://schemas.microsoft.com/office/powerpoint/2010/main" val="1310641734"/>
              </p:ext>
            </p:extLst>
          </p:nvPr>
        </p:nvGraphicFramePr>
        <p:xfrm>
          <a:off x="972000" y="1397000"/>
          <a:ext cx="7560000" cy="4028440"/>
        </p:xfrm>
        <a:graphic>
          <a:graphicData uri="http://schemas.openxmlformats.org/drawingml/2006/table">
            <a:tbl>
              <a:tblPr firstRow="1" bandRow="1">
                <a:tableStyleId>{5C22544A-7EE6-4342-B048-85BDC9FD1C3A}</a:tableStyleId>
              </a:tblPr>
              <a:tblGrid>
                <a:gridCol w="2807912"/>
                <a:gridCol w="4752088"/>
              </a:tblGrid>
              <a:tr h="370840">
                <a:tc>
                  <a:txBody>
                    <a:bodyPr/>
                    <a:lstStyle/>
                    <a:p>
                      <a:r>
                        <a:rPr lang="de-DE" dirty="0" smtClean="0"/>
                        <a:t>Methode</a:t>
                      </a:r>
                      <a:endParaRPr lang="de-DE" dirty="0"/>
                    </a:p>
                  </a:txBody>
                  <a:tcPr/>
                </a:tc>
                <a:tc>
                  <a:txBody>
                    <a:bodyPr/>
                    <a:lstStyle/>
                    <a:p>
                      <a:r>
                        <a:rPr lang="de-DE" dirty="0" smtClean="0"/>
                        <a:t>Beschreibung</a:t>
                      </a:r>
                      <a:endParaRPr lang="de-DE" dirty="0"/>
                    </a:p>
                  </a:txBody>
                  <a:tcPr/>
                </a:tc>
              </a:tr>
              <a:tr h="370840">
                <a:tc>
                  <a:txBody>
                    <a:bodyPr/>
                    <a:lstStyle/>
                    <a:p>
                      <a:r>
                        <a:rPr lang="en-US" sz="1800" kern="1200" dirty="0" smtClean="0">
                          <a:solidFill>
                            <a:schemeClr val="dk1"/>
                          </a:solidFill>
                          <a:effectLst/>
                          <a:latin typeface="+mn-lt"/>
                          <a:ea typeface="+mn-ea"/>
                          <a:cs typeface="+mn-cs"/>
                        </a:rPr>
                        <a:t>Test Driven Development</a:t>
                      </a:r>
                      <a:r>
                        <a:rPr lang="en-US" dirty="0" smtClean="0">
                          <a:effectLst/>
                        </a:rPr>
                        <a:t> </a:t>
                      </a:r>
                      <a:endParaRPr lang="de-DE" dirty="0"/>
                    </a:p>
                  </a:txBody>
                  <a:tcPr/>
                </a:tc>
                <a:tc>
                  <a:txBody>
                    <a:bodyPr/>
                    <a:lstStyle/>
                    <a:p>
                      <a:r>
                        <a:rPr lang="de-CH" sz="1800" kern="1200" dirty="0" smtClean="0">
                          <a:solidFill>
                            <a:schemeClr val="dk1"/>
                          </a:solidFill>
                          <a:effectLst/>
                          <a:latin typeface="+mn-lt"/>
                          <a:ea typeface="+mn-ea"/>
                          <a:cs typeface="+mn-cs"/>
                        </a:rPr>
                        <a:t>Methode bei welcher der Test vor der zu Implementierenden Klasse geschrieben wird.</a:t>
                      </a:r>
                      <a:endParaRPr lang="de-DE" dirty="0"/>
                    </a:p>
                  </a:txBody>
                  <a:tcPr/>
                </a:tc>
              </a:tr>
              <a:tr h="370840">
                <a:tc>
                  <a:txBody>
                    <a:bodyPr/>
                    <a:lstStyle/>
                    <a:p>
                      <a:r>
                        <a:rPr lang="de-CH" sz="1800" kern="1200" dirty="0" err="1" smtClean="0">
                          <a:solidFill>
                            <a:schemeClr val="dk1"/>
                          </a:solidFill>
                          <a:effectLst/>
                          <a:latin typeface="+mn-lt"/>
                          <a:ea typeface="+mn-ea"/>
                          <a:cs typeface="+mn-cs"/>
                        </a:rPr>
                        <a:t>Continuous</a:t>
                      </a:r>
                      <a:r>
                        <a:rPr lang="de-CH" sz="1800" kern="1200" dirty="0" smtClean="0">
                          <a:solidFill>
                            <a:schemeClr val="dk1"/>
                          </a:solidFill>
                          <a:effectLst/>
                          <a:latin typeface="+mn-lt"/>
                          <a:ea typeface="+mn-ea"/>
                          <a:cs typeface="+mn-cs"/>
                        </a:rPr>
                        <a:t> </a:t>
                      </a:r>
                      <a:r>
                        <a:rPr lang="de-CH" sz="1800" kern="1200" dirty="0" err="1" smtClean="0">
                          <a:solidFill>
                            <a:schemeClr val="dk1"/>
                          </a:solidFill>
                          <a:effectLst/>
                          <a:latin typeface="+mn-lt"/>
                          <a:ea typeface="+mn-ea"/>
                          <a:cs typeface="+mn-cs"/>
                        </a:rPr>
                        <a:t>Deployment</a:t>
                      </a:r>
                      <a:r>
                        <a:rPr lang="en-US" dirty="0" smtClean="0">
                          <a:effectLst/>
                        </a:rPr>
                        <a:t> </a:t>
                      </a:r>
                      <a:endParaRPr lang="de-DE" dirty="0"/>
                    </a:p>
                  </a:txBody>
                  <a:tcPr/>
                </a:tc>
                <a:tc>
                  <a:txBody>
                    <a:bodyPr/>
                    <a:lstStyle/>
                    <a:p>
                      <a:r>
                        <a:rPr lang="de-CH" sz="1800" kern="1200" dirty="0" smtClean="0">
                          <a:solidFill>
                            <a:schemeClr val="dk1"/>
                          </a:solidFill>
                          <a:effectLst/>
                          <a:latin typeface="+mn-lt"/>
                          <a:ea typeface="+mn-ea"/>
                          <a:cs typeface="+mn-cs"/>
                        </a:rPr>
                        <a:t>Methode mit welcher Änderungen an der Software direkt nach dem Check-In in ein Code Repository getestet und bei Erfolg in der Produktion installiert werden.</a:t>
                      </a:r>
                      <a:r>
                        <a:rPr lang="en-US" dirty="0" smtClean="0">
                          <a:effectLst/>
                        </a:rPr>
                        <a:t> </a:t>
                      </a:r>
                      <a:endParaRPr lang="de-DE" dirty="0"/>
                    </a:p>
                  </a:txBody>
                  <a:tcPr/>
                </a:tc>
              </a:tr>
              <a:tr h="370840">
                <a:tc>
                  <a:txBody>
                    <a:bodyPr/>
                    <a:lstStyle/>
                    <a:p>
                      <a:r>
                        <a:rPr lang="de-CH" sz="1800" kern="1200" dirty="0" err="1" smtClean="0">
                          <a:solidFill>
                            <a:schemeClr val="dk1"/>
                          </a:solidFill>
                          <a:effectLst/>
                          <a:latin typeface="+mn-lt"/>
                          <a:ea typeface="+mn-ea"/>
                          <a:cs typeface="+mn-cs"/>
                        </a:rPr>
                        <a:t>DevOps</a:t>
                      </a:r>
                      <a:r>
                        <a:rPr lang="en-US" dirty="0" smtClean="0">
                          <a:effectLst/>
                        </a:rPr>
                        <a:t> </a:t>
                      </a:r>
                      <a:endParaRPr lang="de-DE" dirty="0"/>
                    </a:p>
                  </a:txBody>
                  <a:tcPr/>
                </a:tc>
                <a:tc>
                  <a:txBody>
                    <a:bodyPr/>
                    <a:lstStyle/>
                    <a:p>
                      <a:r>
                        <a:rPr lang="de-CH" sz="1800" kern="1200" dirty="0" smtClean="0">
                          <a:solidFill>
                            <a:schemeClr val="dk1"/>
                          </a:solidFill>
                          <a:effectLst/>
                          <a:latin typeface="+mn-lt"/>
                          <a:ea typeface="+mn-ea"/>
                          <a:cs typeface="+mn-cs"/>
                        </a:rPr>
                        <a:t>Methode welche die Zusammenarbeit zwischen Systemadministratoren und Softwareentwicklern verbessert.</a:t>
                      </a:r>
                      <a:r>
                        <a:rPr lang="en-US" dirty="0" smtClean="0">
                          <a:effectLst/>
                        </a:rPr>
                        <a:t> </a:t>
                      </a:r>
                      <a:endParaRPr lang="de-DE" dirty="0"/>
                    </a:p>
                  </a:txBody>
                  <a:tcPr/>
                </a:tc>
              </a:tr>
              <a:tr h="370840">
                <a:tc>
                  <a:txBody>
                    <a:bodyPr/>
                    <a:lstStyle/>
                    <a:p>
                      <a:r>
                        <a:rPr lang="de-CH" sz="1800" kern="1200" dirty="0" smtClean="0">
                          <a:solidFill>
                            <a:schemeClr val="dk1"/>
                          </a:solidFill>
                          <a:effectLst/>
                          <a:latin typeface="+mn-lt"/>
                          <a:ea typeface="+mn-ea"/>
                          <a:cs typeface="+mn-cs"/>
                        </a:rPr>
                        <a:t>UML</a:t>
                      </a:r>
                      <a:r>
                        <a:rPr lang="en-US" dirty="0" smtClean="0">
                          <a:effectLst/>
                        </a:rPr>
                        <a:t> </a:t>
                      </a:r>
                      <a:endParaRPr lang="de-DE" dirty="0"/>
                    </a:p>
                  </a:txBody>
                  <a:tcPr/>
                </a:tc>
                <a:tc>
                  <a:txBody>
                    <a:bodyPr/>
                    <a:lstStyle/>
                    <a:p>
                      <a:r>
                        <a:rPr lang="de-CH" sz="1800" kern="1200" dirty="0" smtClean="0">
                          <a:solidFill>
                            <a:schemeClr val="dk1"/>
                          </a:solidFill>
                          <a:effectLst/>
                          <a:latin typeface="+mn-lt"/>
                          <a:ea typeface="+mn-ea"/>
                          <a:cs typeface="+mn-cs"/>
                        </a:rPr>
                        <a:t>Methode für die grafische Darstellung von Klassen-, Ablauf und Verteilungsdiagrammen</a:t>
                      </a:r>
                      <a:r>
                        <a:rPr lang="en-US" sz="1800" kern="1200" dirty="0" smtClean="0">
                          <a:solidFill>
                            <a:schemeClr val="dk1"/>
                          </a:solidFill>
                          <a:effectLst/>
                          <a:latin typeface="+mn-lt"/>
                          <a:ea typeface="+mn-ea"/>
                          <a:cs typeface="+mn-cs"/>
                        </a:rPr>
                        <a:t>.</a:t>
                      </a:r>
                      <a:endParaRPr lang="de-DE" dirty="0"/>
                    </a:p>
                  </a:txBody>
                  <a:tcPr/>
                </a:tc>
              </a:tr>
            </a:tbl>
          </a:graphicData>
        </a:graphic>
      </p:graphicFrame>
    </p:spTree>
    <p:extLst>
      <p:ext uri="{BB962C8B-B14F-4D97-AF65-F5344CB8AC3E}">
        <p14:creationId xmlns:p14="http://schemas.microsoft.com/office/powerpoint/2010/main" val="406908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4_3.thmx&lt;/DefaultThemeDefinition&gt;&#10;    &lt;PresentationThemeDefinition&gt;%Themes%\SIX_4_3.thmx&lt;/PresentationThemeDefinition&gt;&#10;    &lt;SlideThemeDefinition&gt;%Themes%\SIX_4_3.thmx&lt;/SlideThemeDefinition&gt;&#10;    &lt;ObjectThemeDefinition&gt;%Themes%\SIX_4_3.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5"/>
  <p:tag name="OAWDOCPROPSOURCE" val="&lt;DocProps&gt;&lt;DocProp UID=&quot;2002122011014149059130932&quot; EntryUID=&quot;2003121817293296325874&quot;&gt;&lt;Field Name=&quot;IDName&quot; Value=&quot;(Leer)&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5.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Disclaimer"/>
</p:tagLst>
</file>

<file path=ppt/tags/tag186.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Translate(&quot;PP.Disclaimer1&quot;)]] [[Translate(&quot;PP.Disclaimer2&quot;)]] [[Translate(&quot;PP.Disclaimer3&quot;)]] [[Translate(&quot;PP.Disclaimer4&quot;)]]&#10;[[Translate(&quot;PP.Disclaimer5&quot;)]]"/>
</p:tagLst>
</file>

<file path=ppt/tags/tag18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6"/>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add text&#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heme/theme1.xml><?xml version="1.0" encoding="utf-8"?>
<a:theme xmlns:a="http://schemas.openxmlformats.org/drawingml/2006/main" name="SIX_4_3">
  <a:themeElements>
    <a:clrScheme name="Benutzerdefiniert 3">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Larissa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defRPr sz="1000" dirty="0"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4_3.thmx</DesignTheme>
</file>

<file path=customXml/itemProps1.xml><?xml version="1.0" encoding="utf-8"?>
<ds:datastoreItem xmlns:ds="http://schemas.openxmlformats.org/officeDocument/2006/customXml" ds:itemID="{1E848C01-F128-4754-A35E-C5CA0F476019}">
  <ds:schemaRefs/>
</ds:datastoreItem>
</file>

<file path=docProps/app.xml><?xml version="1.0" encoding="utf-8"?>
<Properties xmlns="http://schemas.openxmlformats.org/officeDocument/2006/extended-properties" xmlns:vt="http://schemas.openxmlformats.org/officeDocument/2006/docPropsVTypes">
  <Template>SIX_4_3</Template>
  <TotalTime>1567</TotalTime>
  <Words>653</Words>
  <Application>Microsoft Macintosh PowerPoint</Application>
  <PresentationFormat>On-screen Show (4:3)</PresentationFormat>
  <Paragraphs>122</Paragraphs>
  <Slides>12</Slides>
  <Notes>1</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2</vt:i4>
      </vt:variant>
    </vt:vector>
  </HeadingPairs>
  <TitlesOfParts>
    <vt:vector size="17" baseType="lpstr">
      <vt:lpstr>Calibri</vt:lpstr>
      <vt:lpstr>Symbol</vt:lpstr>
      <vt:lpstr>Times New Roman</vt:lpstr>
      <vt:lpstr>Arial</vt:lpstr>
      <vt:lpstr>SIX_4_3</vt:lpstr>
      <vt:lpstr>Software Architektur für Continuous Deployment </vt:lpstr>
      <vt:lpstr>PowerPoint Presentation</vt:lpstr>
      <vt:lpstr>1. Ausgangslage / Umfeld</vt:lpstr>
      <vt:lpstr>1. Ausgangslage / Umfeld</vt:lpstr>
      <vt:lpstr>2. Problemstellung</vt:lpstr>
      <vt:lpstr>3. Lösungsansatz / Vorgehensmethodik</vt:lpstr>
      <vt:lpstr>4. Aufwandschätzung / Lieferobjekte</vt:lpstr>
      <vt:lpstr>PowerPoint Presentation</vt:lpstr>
      <vt:lpstr>6. Fachliche Methoden</vt:lpstr>
      <vt:lpstr>7. Tools und Technologien</vt:lpstr>
      <vt:lpstr>8. Erkenntnisse</vt:lpstr>
      <vt:lpstr>Disclaimer</vt:lpstr>
    </vt:vector>
  </TitlesOfParts>
  <Company>officeatwork A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Andreas Heubeck</cp:lastModifiedBy>
  <cp:revision>167</cp:revision>
  <dcterms:created xsi:type="dcterms:W3CDTF">2012-04-05T23:58:32Z</dcterms:created>
  <dcterms:modified xsi:type="dcterms:W3CDTF">2017-02-21T16:58:40Z</dcterms:modified>
</cp:coreProperties>
</file>